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1.　一般状況\ＸＬＳ\"/>
    </mc:Choice>
  </mc:AlternateContent>
  <bookViews>
    <workbookView xWindow="0" yWindow="0" windowWidth="20490" windowHeight="7185"/>
  </bookViews>
  <sheets>
    <sheet name="年齢階層" sheetId="1" r:id="rId1"/>
  </sheets>
  <definedNames>
    <definedName name="_Fill" hidden="1">#REF!</definedName>
    <definedName name="_Key1" localSheetId="0" hidden="1">#REF!</definedName>
    <definedName name="_Key1" hidden="1">#REF!</definedName>
    <definedName name="_Order1" hidden="1">0</definedName>
    <definedName name="\a">#REF!</definedName>
    <definedName name="\b" localSheetId="0">#REF!</definedName>
    <definedName name="\b">#REF!</definedName>
    <definedName name="_xlnm.Print_Area" localSheetId="0">年齢階層!$A$1:$AG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3" uniqueCount="77">
  <si>
    <t>1.一般状況（２）　年齢階層別被保険者数</t>
    <phoneticPr fontId="4"/>
  </si>
  <si>
    <t>（平成２８年９月末時点）</t>
    <phoneticPr fontId="4"/>
  </si>
  <si>
    <t>保険者名</t>
  </si>
  <si>
    <t>総数</t>
    <rPh sb="0" eb="2">
      <t>ソウスウ</t>
    </rPh>
    <phoneticPr fontId="4"/>
  </si>
  <si>
    <t>０歳～４歳</t>
  </si>
  <si>
    <t>５歳～９歳</t>
    <phoneticPr fontId="4"/>
  </si>
  <si>
    <t>1０歳～１４歳</t>
    <rPh sb="6" eb="7">
      <t>サイ</t>
    </rPh>
    <phoneticPr fontId="4"/>
  </si>
  <si>
    <t>１５歳～１９歳</t>
    <phoneticPr fontId="4"/>
  </si>
  <si>
    <t>２０歳～２４歳</t>
    <phoneticPr fontId="4"/>
  </si>
  <si>
    <t>２５歳～２９歳</t>
    <phoneticPr fontId="4"/>
  </si>
  <si>
    <t>３０歳～３４歳</t>
    <phoneticPr fontId="4"/>
  </si>
  <si>
    <t>３５歳～３９歳</t>
    <phoneticPr fontId="4"/>
  </si>
  <si>
    <t>４０歳～４４歳</t>
    <phoneticPr fontId="4"/>
  </si>
  <si>
    <t>４５歳～４９歳</t>
    <phoneticPr fontId="4"/>
  </si>
  <si>
    <t>５０歳～５４歳</t>
    <phoneticPr fontId="4"/>
  </si>
  <si>
    <t>５５歳～５９歳</t>
    <phoneticPr fontId="4"/>
  </si>
  <si>
    <t>６０歳～６４歳</t>
    <phoneticPr fontId="4"/>
  </si>
  <si>
    <t>６５歳～６９歳</t>
    <phoneticPr fontId="4"/>
  </si>
  <si>
    <t>７０歳～７４歳</t>
    <phoneticPr fontId="4"/>
  </si>
  <si>
    <t>人数</t>
  </si>
  <si>
    <t>比率</t>
  </si>
  <si>
    <t>（人）</t>
  </si>
  <si>
    <t>(人)</t>
  </si>
  <si>
    <t>(%)</t>
  </si>
  <si>
    <t>01</t>
  </si>
  <si>
    <t xml:space="preserve"> 横浜市</t>
    <phoneticPr fontId="4"/>
  </si>
  <si>
    <t>02</t>
  </si>
  <si>
    <t xml:space="preserve"> 川崎市</t>
    <phoneticPr fontId="4"/>
  </si>
  <si>
    <t>03</t>
  </si>
  <si>
    <t xml:space="preserve"> 横須賀市</t>
    <phoneticPr fontId="4"/>
  </si>
  <si>
    <t>04</t>
  </si>
  <si>
    <t xml:space="preserve"> 平塚市</t>
    <phoneticPr fontId="4"/>
  </si>
  <si>
    <t>05</t>
  </si>
  <si>
    <t xml:space="preserve"> 鎌倉市</t>
    <phoneticPr fontId="4"/>
  </si>
  <si>
    <t>06</t>
  </si>
  <si>
    <t xml:space="preserve"> 藤沢市</t>
    <phoneticPr fontId="4"/>
  </si>
  <si>
    <t>07</t>
  </si>
  <si>
    <t xml:space="preserve"> 小田原市</t>
    <phoneticPr fontId="4"/>
  </si>
  <si>
    <t>08</t>
  </si>
  <si>
    <t xml:space="preserve"> 茅ヶ崎市</t>
    <phoneticPr fontId="4"/>
  </si>
  <si>
    <t>09</t>
  </si>
  <si>
    <t xml:space="preserve"> 逗子市</t>
    <phoneticPr fontId="4"/>
  </si>
  <si>
    <t xml:space="preserve"> 相模原市</t>
    <phoneticPr fontId="4"/>
  </si>
  <si>
    <t xml:space="preserve"> 三浦市</t>
    <phoneticPr fontId="4"/>
  </si>
  <si>
    <t xml:space="preserve"> 秦野市</t>
    <phoneticPr fontId="4"/>
  </si>
  <si>
    <t xml:space="preserve"> 厚木市</t>
    <phoneticPr fontId="4"/>
  </si>
  <si>
    <t xml:space="preserve"> 大和市</t>
    <phoneticPr fontId="4"/>
  </si>
  <si>
    <t xml:space="preserve"> 伊勢原市</t>
    <phoneticPr fontId="4"/>
  </si>
  <si>
    <t xml:space="preserve"> 海老名市</t>
    <phoneticPr fontId="4"/>
  </si>
  <si>
    <t xml:space="preserve"> 座間市</t>
    <phoneticPr fontId="4"/>
  </si>
  <si>
    <t xml:space="preserve"> 南足柄市</t>
    <phoneticPr fontId="4"/>
  </si>
  <si>
    <t xml:space="preserve"> 綾瀬市</t>
    <phoneticPr fontId="4"/>
  </si>
  <si>
    <t xml:space="preserve"> 葉山町</t>
    <phoneticPr fontId="4"/>
  </si>
  <si>
    <t xml:space="preserve"> 寒川町</t>
    <phoneticPr fontId="4"/>
  </si>
  <si>
    <t xml:space="preserve"> 大磯町</t>
    <phoneticPr fontId="4"/>
  </si>
  <si>
    <t xml:space="preserve"> 二宮町</t>
    <phoneticPr fontId="4"/>
  </si>
  <si>
    <t xml:space="preserve"> 中井町</t>
    <phoneticPr fontId="4"/>
  </si>
  <si>
    <t xml:space="preserve"> 大井町</t>
    <phoneticPr fontId="4"/>
  </si>
  <si>
    <t xml:space="preserve"> 松田町</t>
    <phoneticPr fontId="4"/>
  </si>
  <si>
    <t xml:space="preserve"> 山北町</t>
    <phoneticPr fontId="4"/>
  </si>
  <si>
    <t xml:space="preserve"> 開成町  </t>
    <phoneticPr fontId="4"/>
  </si>
  <si>
    <t xml:space="preserve"> 箱根町</t>
    <phoneticPr fontId="4"/>
  </si>
  <si>
    <t xml:space="preserve"> 真鶴町</t>
    <phoneticPr fontId="4"/>
  </si>
  <si>
    <t xml:space="preserve"> 湯河原町</t>
    <phoneticPr fontId="4"/>
  </si>
  <si>
    <t xml:space="preserve"> 愛川町</t>
    <phoneticPr fontId="4"/>
  </si>
  <si>
    <t xml:space="preserve"> 清川村</t>
    <phoneticPr fontId="4"/>
  </si>
  <si>
    <t xml:space="preserve"> 城山町</t>
    <phoneticPr fontId="4"/>
  </si>
  <si>
    <t xml:space="preserve"> 藤野町</t>
    <phoneticPr fontId="4"/>
  </si>
  <si>
    <t xml:space="preserve"> 医 師</t>
    <phoneticPr fontId="4"/>
  </si>
  <si>
    <t xml:space="preserve"> 歯科医師</t>
    <phoneticPr fontId="4"/>
  </si>
  <si>
    <t xml:space="preserve"> 食品衛生</t>
    <phoneticPr fontId="4"/>
  </si>
  <si>
    <t xml:space="preserve"> 薬剤師</t>
    <phoneticPr fontId="4"/>
  </si>
  <si>
    <t xml:space="preserve"> 建設業</t>
    <phoneticPr fontId="4"/>
  </si>
  <si>
    <t xml:space="preserve"> 建設連合</t>
    <phoneticPr fontId="4"/>
  </si>
  <si>
    <t>市町村計</t>
  </si>
  <si>
    <t>組  合  計</t>
    <phoneticPr fontId="4"/>
  </si>
  <si>
    <t>県         計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4"/>
      <name val="ＭＳ ゴシック"/>
      <family val="3"/>
      <charset val="128"/>
    </font>
    <font>
      <sz val="9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color indexed="8"/>
      <name val="ＭＳ ゴシック"/>
      <family val="3"/>
      <charset val="128"/>
    </font>
    <font>
      <sz val="14"/>
      <name val="Terminal"/>
      <family val="3"/>
      <charset val="255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/>
      <bottom style="hair">
        <color indexed="8"/>
      </bottom>
      <diagonal/>
    </border>
    <border>
      <left/>
      <right style="thin">
        <color indexed="64"/>
      </right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/>
      <right style="hair">
        <color indexed="64"/>
      </right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8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 style="thin">
        <color indexed="8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8"/>
      </bottom>
      <diagonal/>
    </border>
    <border>
      <left/>
      <right style="hair">
        <color indexed="64"/>
      </right>
      <top/>
      <bottom style="hair">
        <color indexed="8"/>
      </bottom>
      <diagonal/>
    </border>
    <border>
      <left style="thin">
        <color indexed="64"/>
      </left>
      <right style="hair">
        <color indexed="64"/>
      </right>
      <top/>
      <bottom style="hair">
        <color indexed="8"/>
      </bottom>
      <diagonal/>
    </border>
    <border>
      <left style="medium">
        <color indexed="64"/>
      </left>
      <right style="hair">
        <color indexed="64"/>
      </right>
      <top/>
      <bottom style="hair">
        <color indexed="8"/>
      </bottom>
      <diagonal/>
    </border>
    <border>
      <left style="hair">
        <color indexed="64"/>
      </left>
      <right style="medium">
        <color indexed="64"/>
      </right>
      <top/>
      <bottom style="hair">
        <color indexed="8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double">
        <color indexed="64"/>
      </bottom>
      <diagonal/>
    </border>
    <border>
      <left style="thin">
        <color indexed="64"/>
      </left>
      <right/>
      <top style="hair">
        <color indexed="8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8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8"/>
      </top>
      <bottom style="double">
        <color indexed="64"/>
      </bottom>
      <diagonal/>
    </border>
    <border>
      <left/>
      <right style="thin">
        <color indexed="64"/>
      </right>
      <top style="hair">
        <color indexed="8"/>
      </top>
      <bottom style="double">
        <color indexed="64"/>
      </bottom>
      <diagonal/>
    </border>
    <border>
      <left/>
      <right style="medium">
        <color indexed="64"/>
      </right>
      <top style="hair">
        <color indexed="8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8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/>
      <right/>
      <top style="hair">
        <color indexed="8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8"/>
      </bottom>
      <diagonal/>
    </border>
    <border>
      <left style="hair">
        <color indexed="64"/>
      </left>
      <right style="medium">
        <color indexed="64"/>
      </right>
      <top/>
      <bottom style="double">
        <color indexed="8"/>
      </bottom>
      <diagonal/>
    </border>
    <border>
      <left/>
      <right style="hair">
        <color indexed="64"/>
      </right>
      <top style="hair">
        <color indexed="8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8"/>
      </bottom>
      <diagonal/>
    </border>
    <border>
      <left style="medium">
        <color indexed="64"/>
      </left>
      <right style="thin">
        <color indexed="8"/>
      </right>
      <top style="double">
        <color indexed="64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hair">
        <color indexed="8"/>
      </top>
      <bottom style="hair">
        <color indexed="8"/>
      </bottom>
      <diagonal/>
    </border>
    <border>
      <left/>
      <right style="hair">
        <color indexed="64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hair">
        <color indexed="8"/>
      </left>
      <right/>
      <top style="hair">
        <color indexed="8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8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8"/>
      </left>
      <right style="thin">
        <color indexed="64"/>
      </right>
      <top style="double">
        <color indexed="64"/>
      </top>
      <bottom style="hair">
        <color indexed="8"/>
      </bottom>
      <diagonal/>
    </border>
    <border>
      <left/>
      <right style="thin">
        <color indexed="64"/>
      </right>
      <top style="double">
        <color indexed="64"/>
      </top>
      <bottom style="hair">
        <color indexed="8"/>
      </bottom>
      <diagonal/>
    </border>
    <border>
      <left/>
      <right/>
      <top style="double">
        <color indexed="64"/>
      </top>
      <bottom style="hair">
        <color indexed="8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8"/>
      </bottom>
      <diagonal/>
    </border>
    <border>
      <left/>
      <right style="hair">
        <color indexed="64"/>
      </right>
      <top style="double">
        <color indexed="64"/>
      </top>
      <bottom style="hair">
        <color indexed="8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8"/>
      </bottom>
      <diagonal/>
    </border>
    <border>
      <left/>
      <right style="medium">
        <color indexed="64"/>
      </right>
      <top style="double">
        <color indexed="64"/>
      </top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hair">
        <color indexed="8"/>
      </bottom>
      <diagonal/>
    </border>
    <border>
      <left style="hair">
        <color indexed="8"/>
      </left>
      <right/>
      <top style="double">
        <color indexed="64"/>
      </top>
      <bottom style="hair">
        <color indexed="8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hair">
        <color indexed="8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/>
      <diagonal/>
    </border>
    <border>
      <left/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64"/>
      </left>
      <right style="thin">
        <color indexed="64"/>
      </right>
      <top style="hair">
        <color indexed="8"/>
      </top>
      <bottom/>
      <diagonal/>
    </border>
    <border>
      <left/>
      <right style="hair">
        <color indexed="64"/>
      </right>
      <top style="hair">
        <color indexed="8"/>
      </top>
      <bottom/>
      <diagonal/>
    </border>
    <border>
      <left style="thin">
        <color indexed="64"/>
      </left>
      <right style="hair">
        <color indexed="64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medium">
        <color indexed="64"/>
      </left>
      <right style="hair">
        <color indexed="64"/>
      </right>
      <top style="hair">
        <color indexed="8"/>
      </top>
      <bottom/>
      <diagonal/>
    </border>
    <border>
      <left style="hair">
        <color indexed="8"/>
      </left>
      <right/>
      <top style="hair">
        <color indexed="8"/>
      </top>
      <bottom/>
      <diagonal/>
    </border>
    <border>
      <left style="hair">
        <color indexed="64"/>
      </left>
      <right style="medium">
        <color indexed="64"/>
      </right>
      <top style="hair">
        <color indexed="8"/>
      </top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8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medium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8"/>
      </left>
      <right/>
      <top/>
      <bottom style="double">
        <color indexed="8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7" fontId="10" fillId="0" borderId="0"/>
  </cellStyleXfs>
  <cellXfs count="133">
    <xf numFmtId="0" fontId="0" fillId="0" borderId="0" xfId="0"/>
    <xf numFmtId="38" fontId="2" fillId="0" borderId="0" xfId="1" applyFont="1" applyFill="1" applyBorder="1"/>
    <xf numFmtId="38" fontId="5" fillId="0" borderId="0" xfId="1" applyFont="1" applyFill="1" applyBorder="1"/>
    <xf numFmtId="38" fontId="5" fillId="0" borderId="0" xfId="1" applyFont="1" applyFill="1"/>
    <xf numFmtId="38" fontId="6" fillId="0" borderId="0" xfId="1" applyFont="1" applyFill="1" applyAlignment="1"/>
    <xf numFmtId="38" fontId="6" fillId="0" borderId="0" xfId="1" applyFont="1" applyFill="1"/>
    <xf numFmtId="38" fontId="5" fillId="0" borderId="0" xfId="1" applyFont="1" applyFill="1" applyAlignment="1">
      <alignment horizontal="right"/>
    </xf>
    <xf numFmtId="38" fontId="7" fillId="0" borderId="0" xfId="1" applyFont="1" applyFill="1" applyAlignment="1">
      <alignment horizontal="right" shrinkToFit="1"/>
    </xf>
    <xf numFmtId="38" fontId="5" fillId="0" borderId="4" xfId="1" quotePrefix="1" applyFont="1" applyFill="1" applyBorder="1" applyAlignment="1">
      <alignment horizontal="centerContinuous"/>
    </xf>
    <xf numFmtId="38" fontId="5" fillId="0" borderId="5" xfId="1" applyFont="1" applyFill="1" applyBorder="1" applyAlignment="1">
      <alignment horizontal="centerContinuous"/>
    </xf>
    <xf numFmtId="38" fontId="5" fillId="0" borderId="6" xfId="1" applyFont="1" applyFill="1" applyBorder="1" applyAlignment="1">
      <alignment horizontal="centerContinuous"/>
    </xf>
    <xf numFmtId="38" fontId="5" fillId="0" borderId="7" xfId="1" quotePrefix="1" applyFont="1" applyFill="1" applyBorder="1" applyAlignment="1">
      <alignment horizontal="centerContinuous"/>
    </xf>
    <xf numFmtId="38" fontId="5" fillId="0" borderId="8" xfId="1" quotePrefix="1" applyFont="1" applyFill="1" applyBorder="1" applyAlignment="1">
      <alignment horizontal="centerContinuous"/>
    </xf>
    <xf numFmtId="38" fontId="5" fillId="0" borderId="5" xfId="1" quotePrefix="1" applyFont="1" applyFill="1" applyBorder="1" applyAlignment="1">
      <alignment horizontal="centerContinuous"/>
    </xf>
    <xf numFmtId="38" fontId="5" fillId="0" borderId="0" xfId="1" applyFont="1" applyFill="1" applyAlignment="1">
      <alignment vertical="center"/>
    </xf>
    <xf numFmtId="38" fontId="5" fillId="0" borderId="12" xfId="1" applyFont="1" applyFill="1" applyBorder="1" applyAlignment="1">
      <alignment horizontal="distributed" justifyLastLine="1"/>
    </xf>
    <xf numFmtId="38" fontId="5" fillId="0" borderId="10" xfId="1" applyFont="1" applyFill="1" applyBorder="1" applyAlignment="1">
      <alignment horizontal="distributed" justifyLastLine="1"/>
    </xf>
    <xf numFmtId="38" fontId="5" fillId="0" borderId="13" xfId="1" applyFont="1" applyFill="1" applyBorder="1" applyAlignment="1">
      <alignment horizontal="distributed" justifyLastLine="1"/>
    </xf>
    <xf numFmtId="38" fontId="5" fillId="0" borderId="14" xfId="1" applyFont="1" applyFill="1" applyBorder="1" applyAlignment="1">
      <alignment horizontal="distributed" justifyLastLine="1"/>
    </xf>
    <xf numFmtId="38" fontId="5" fillId="0" borderId="15" xfId="1" applyFont="1" applyFill="1" applyBorder="1" applyAlignment="1">
      <alignment horizontal="distributed" justifyLastLine="1"/>
    </xf>
    <xf numFmtId="38" fontId="5" fillId="0" borderId="16" xfId="1" applyFont="1" applyFill="1" applyBorder="1" applyAlignment="1">
      <alignment horizontal="distributed" justifyLastLine="1"/>
    </xf>
    <xf numFmtId="38" fontId="5" fillId="0" borderId="18" xfId="1" applyFont="1" applyFill="1" applyBorder="1" applyAlignment="1">
      <alignment horizontal="center"/>
    </xf>
    <xf numFmtId="38" fontId="5" fillId="0" borderId="19" xfId="1" quotePrefix="1" applyFont="1" applyFill="1" applyBorder="1" applyAlignment="1">
      <alignment horizontal="center"/>
    </xf>
    <xf numFmtId="38" fontId="5" fillId="0" borderId="18" xfId="1" quotePrefix="1" applyFont="1" applyFill="1" applyBorder="1" applyAlignment="1">
      <alignment horizontal="center"/>
    </xf>
    <xf numFmtId="38" fontId="5" fillId="0" borderId="19" xfId="1" applyFont="1" applyFill="1" applyBorder="1" applyAlignment="1">
      <alignment horizontal="center"/>
    </xf>
    <xf numFmtId="38" fontId="5" fillId="0" borderId="20" xfId="1" applyFont="1" applyFill="1" applyBorder="1" applyAlignment="1">
      <alignment horizontal="center"/>
    </xf>
    <xf numFmtId="38" fontId="5" fillId="0" borderId="21" xfId="1" applyFont="1" applyFill="1" applyBorder="1" applyAlignment="1">
      <alignment horizontal="center"/>
    </xf>
    <xf numFmtId="38" fontId="5" fillId="0" borderId="22" xfId="1" applyFont="1" applyFill="1" applyBorder="1" applyAlignment="1">
      <alignment horizontal="center"/>
    </xf>
    <xf numFmtId="38" fontId="8" fillId="0" borderId="9" xfId="1" applyFont="1" applyFill="1" applyBorder="1" applyAlignment="1">
      <alignment horizontal="right"/>
    </xf>
    <xf numFmtId="38" fontId="9" fillId="0" borderId="23" xfId="1" applyFont="1" applyFill="1" applyBorder="1"/>
    <xf numFmtId="38" fontId="8" fillId="0" borderId="24" xfId="1" applyFont="1" applyFill="1" applyBorder="1" applyProtection="1">
      <protection locked="0"/>
    </xf>
    <xf numFmtId="38" fontId="8" fillId="0" borderId="25" xfId="1" applyFont="1" applyFill="1" applyBorder="1" applyProtection="1">
      <protection locked="0"/>
    </xf>
    <xf numFmtId="40" fontId="8" fillId="0" borderId="26" xfId="1" applyNumberFormat="1" applyFont="1" applyFill="1" applyBorder="1" applyProtection="1">
      <protection locked="0"/>
    </xf>
    <xf numFmtId="38" fontId="8" fillId="0" borderId="27" xfId="1" applyFont="1" applyFill="1" applyBorder="1" applyProtection="1">
      <protection locked="0"/>
    </xf>
    <xf numFmtId="40" fontId="8" fillId="0" borderId="24" xfId="1" applyNumberFormat="1" applyFont="1" applyFill="1" applyBorder="1" applyProtection="1">
      <protection locked="0"/>
    </xf>
    <xf numFmtId="38" fontId="8" fillId="0" borderId="28" xfId="1" applyFont="1" applyFill="1" applyBorder="1" applyProtection="1">
      <protection locked="0"/>
    </xf>
    <xf numFmtId="40" fontId="8" fillId="0" borderId="29" xfId="1" applyNumberFormat="1" applyFont="1" applyFill="1" applyBorder="1" applyProtection="1">
      <protection locked="0"/>
    </xf>
    <xf numFmtId="38" fontId="8" fillId="0" borderId="30" xfId="1" applyFont="1" applyFill="1" applyBorder="1" applyProtection="1">
      <protection locked="0"/>
    </xf>
    <xf numFmtId="38" fontId="8" fillId="0" borderId="31" xfId="1" applyFont="1" applyFill="1" applyBorder="1" applyProtection="1">
      <protection locked="0"/>
    </xf>
    <xf numFmtId="40" fontId="8" fillId="0" borderId="32" xfId="1" applyNumberFormat="1" applyFont="1" applyFill="1" applyBorder="1" applyProtection="1">
      <protection locked="0"/>
    </xf>
    <xf numFmtId="38" fontId="8" fillId="0" borderId="33" xfId="1" applyFont="1" applyFill="1" applyBorder="1" applyAlignment="1">
      <alignment horizontal="right"/>
    </xf>
    <xf numFmtId="40" fontId="8" fillId="0" borderId="34" xfId="1" applyNumberFormat="1" applyFont="1" applyFill="1" applyBorder="1" applyProtection="1">
      <protection locked="0"/>
    </xf>
    <xf numFmtId="38" fontId="8" fillId="0" borderId="35" xfId="1" applyFont="1" applyFill="1" applyBorder="1" applyProtection="1">
      <protection locked="0"/>
    </xf>
    <xf numFmtId="38" fontId="8" fillId="0" borderId="36" xfId="1" applyFont="1" applyFill="1" applyBorder="1" applyProtection="1">
      <protection locked="0"/>
    </xf>
    <xf numFmtId="38" fontId="8" fillId="0" borderId="37" xfId="1" applyFont="1" applyFill="1" applyBorder="1" applyProtection="1">
      <protection locked="0"/>
    </xf>
    <xf numFmtId="40" fontId="8" fillId="0" borderId="38" xfId="1" applyNumberFormat="1" applyFont="1" applyFill="1" applyBorder="1" applyProtection="1">
      <protection locked="0"/>
    </xf>
    <xf numFmtId="38" fontId="8" fillId="0" borderId="33" xfId="1" applyFont="1" applyFill="1" applyBorder="1"/>
    <xf numFmtId="38" fontId="8" fillId="0" borderId="9" xfId="1" applyFont="1" applyFill="1" applyBorder="1"/>
    <xf numFmtId="38" fontId="9" fillId="0" borderId="39" xfId="1" applyFont="1" applyFill="1" applyBorder="1"/>
    <xf numFmtId="38" fontId="8" fillId="0" borderId="40" xfId="1" applyFont="1" applyFill="1" applyBorder="1" applyProtection="1">
      <protection locked="0"/>
    </xf>
    <xf numFmtId="38" fontId="8" fillId="0" borderId="41" xfId="1" applyFont="1" applyFill="1" applyBorder="1" applyProtection="1">
      <protection locked="0"/>
    </xf>
    <xf numFmtId="40" fontId="8" fillId="0" borderId="42" xfId="1" applyNumberFormat="1" applyFont="1" applyFill="1" applyBorder="1" applyProtection="1">
      <protection locked="0"/>
    </xf>
    <xf numFmtId="38" fontId="8" fillId="0" borderId="43" xfId="1" applyFont="1" applyFill="1" applyBorder="1" applyProtection="1">
      <protection locked="0"/>
    </xf>
    <xf numFmtId="40" fontId="8" fillId="0" borderId="44" xfId="1" applyNumberFormat="1" applyFont="1" applyFill="1" applyBorder="1" applyProtection="1">
      <protection locked="0"/>
    </xf>
    <xf numFmtId="40" fontId="8" fillId="0" borderId="45" xfId="1" applyNumberFormat="1" applyFont="1" applyFill="1" applyBorder="1" applyProtection="1">
      <protection locked="0"/>
    </xf>
    <xf numFmtId="38" fontId="8" fillId="0" borderId="46" xfId="1" applyFont="1" applyFill="1" applyBorder="1" applyProtection="1">
      <protection locked="0"/>
    </xf>
    <xf numFmtId="40" fontId="8" fillId="0" borderId="47" xfId="1" applyNumberFormat="1" applyFont="1" applyFill="1" applyBorder="1" applyProtection="1">
      <protection locked="0"/>
    </xf>
    <xf numFmtId="38" fontId="8" fillId="0" borderId="48" xfId="1" applyFont="1" applyFill="1" applyBorder="1" applyProtection="1">
      <protection locked="0"/>
    </xf>
    <xf numFmtId="40" fontId="8" fillId="0" borderId="49" xfId="1" applyNumberFormat="1" applyFont="1" applyFill="1" applyBorder="1" applyProtection="1">
      <protection locked="0"/>
    </xf>
    <xf numFmtId="40" fontId="8" fillId="0" borderId="50" xfId="1" applyNumberFormat="1" applyFont="1" applyFill="1" applyBorder="1" applyProtection="1">
      <protection locked="0"/>
    </xf>
    <xf numFmtId="38" fontId="8" fillId="0" borderId="51" xfId="1" applyFont="1" applyFill="1" applyBorder="1" applyProtection="1">
      <protection locked="0"/>
    </xf>
    <xf numFmtId="40" fontId="8" fillId="0" borderId="52" xfId="1" applyNumberFormat="1" applyFont="1" applyFill="1" applyBorder="1" applyProtection="1">
      <protection locked="0"/>
    </xf>
    <xf numFmtId="38" fontId="8" fillId="0" borderId="53" xfId="1" applyFont="1" applyFill="1" applyBorder="1"/>
    <xf numFmtId="40" fontId="8" fillId="0" borderId="54" xfId="1" applyNumberFormat="1" applyFont="1" applyFill="1" applyBorder="1" applyProtection="1">
      <protection locked="0"/>
    </xf>
    <xf numFmtId="38" fontId="8" fillId="0" borderId="55" xfId="1" applyFont="1" applyFill="1" applyBorder="1" applyProtection="1">
      <protection locked="0"/>
    </xf>
    <xf numFmtId="38" fontId="8" fillId="0" borderId="56" xfId="1" applyFont="1" applyFill="1" applyBorder="1" applyProtection="1">
      <protection locked="0"/>
    </xf>
    <xf numFmtId="40" fontId="8" fillId="0" borderId="57" xfId="1" applyNumberFormat="1" applyFont="1" applyFill="1" applyBorder="1" applyProtection="1">
      <protection locked="0"/>
    </xf>
    <xf numFmtId="38" fontId="8" fillId="0" borderId="58" xfId="1" applyFont="1" applyFill="1" applyBorder="1"/>
    <xf numFmtId="40" fontId="8" fillId="0" borderId="59" xfId="1" applyNumberFormat="1" applyFont="1" applyFill="1" applyBorder="1" applyProtection="1">
      <protection locked="0"/>
    </xf>
    <xf numFmtId="40" fontId="8" fillId="0" borderId="60" xfId="1" applyNumberFormat="1" applyFont="1" applyFill="1" applyBorder="1" applyProtection="1">
      <protection locked="0"/>
    </xf>
    <xf numFmtId="38" fontId="8" fillId="0" borderId="61" xfId="1" applyFont="1" applyFill="1" applyBorder="1"/>
    <xf numFmtId="38" fontId="9" fillId="0" borderId="62" xfId="1" applyFont="1" applyFill="1" applyBorder="1"/>
    <xf numFmtId="38" fontId="8" fillId="0" borderId="63" xfId="1" applyFont="1" applyFill="1" applyBorder="1" applyProtection="1">
      <protection locked="0"/>
    </xf>
    <xf numFmtId="38" fontId="8" fillId="0" borderId="64" xfId="1" applyFont="1" applyFill="1" applyBorder="1" applyProtection="1">
      <protection locked="0"/>
    </xf>
    <xf numFmtId="40" fontId="8" fillId="0" borderId="65" xfId="1" applyNumberFormat="1" applyFont="1" applyFill="1" applyBorder="1" applyProtection="1">
      <protection locked="0"/>
    </xf>
    <xf numFmtId="38" fontId="8" fillId="0" borderId="66" xfId="1" applyFont="1" applyFill="1" applyBorder="1" applyProtection="1">
      <protection locked="0"/>
    </xf>
    <xf numFmtId="40" fontId="8" fillId="0" borderId="63" xfId="1" applyNumberFormat="1" applyFont="1" applyFill="1" applyBorder="1" applyProtection="1">
      <protection locked="0"/>
    </xf>
    <xf numFmtId="38" fontId="8" fillId="0" borderId="67" xfId="1" applyFont="1" applyFill="1" applyBorder="1" applyProtection="1">
      <protection locked="0"/>
    </xf>
    <xf numFmtId="40" fontId="8" fillId="0" borderId="68" xfId="1" applyNumberFormat="1" applyFont="1" applyFill="1" applyBorder="1" applyProtection="1">
      <protection locked="0"/>
    </xf>
    <xf numFmtId="38" fontId="8" fillId="0" borderId="69" xfId="1" applyFont="1" applyFill="1" applyBorder="1" applyProtection="1">
      <protection locked="0"/>
    </xf>
    <xf numFmtId="40" fontId="8" fillId="0" borderId="70" xfId="1" applyNumberFormat="1" applyFont="1" applyFill="1" applyBorder="1" applyProtection="1">
      <protection locked="0"/>
    </xf>
    <xf numFmtId="40" fontId="8" fillId="0" borderId="71" xfId="1" applyNumberFormat="1" applyFont="1" applyFill="1" applyBorder="1" applyProtection="1">
      <protection locked="0"/>
    </xf>
    <xf numFmtId="38" fontId="9" fillId="0" borderId="72" xfId="1" applyFont="1" applyFill="1" applyBorder="1"/>
    <xf numFmtId="38" fontId="8" fillId="0" borderId="73" xfId="1" applyFont="1" applyFill="1" applyBorder="1" applyProtection="1">
      <protection locked="0"/>
    </xf>
    <xf numFmtId="38" fontId="8" fillId="0" borderId="74" xfId="1" applyFont="1" applyFill="1" applyBorder="1" applyProtection="1">
      <protection locked="0"/>
    </xf>
    <xf numFmtId="40" fontId="8" fillId="0" borderId="75" xfId="1" applyNumberFormat="1" applyFont="1" applyFill="1" applyBorder="1" applyProtection="1">
      <protection locked="0"/>
    </xf>
    <xf numFmtId="38" fontId="8" fillId="0" borderId="76" xfId="1" applyFont="1" applyFill="1" applyBorder="1" applyProtection="1">
      <protection locked="0"/>
    </xf>
    <xf numFmtId="40" fontId="8" fillId="0" borderId="73" xfId="1" applyNumberFormat="1" applyFont="1" applyFill="1" applyBorder="1" applyProtection="1">
      <protection locked="0"/>
    </xf>
    <xf numFmtId="38" fontId="8" fillId="0" borderId="77" xfId="1" applyFont="1" applyFill="1" applyBorder="1" applyProtection="1">
      <protection locked="0"/>
    </xf>
    <xf numFmtId="40" fontId="8" fillId="0" borderId="78" xfId="1" applyNumberFormat="1" applyFont="1" applyFill="1" applyBorder="1" applyProtection="1">
      <protection locked="0"/>
    </xf>
    <xf numFmtId="38" fontId="8" fillId="0" borderId="79" xfId="1" applyFont="1" applyFill="1" applyBorder="1" applyProtection="1">
      <protection locked="0"/>
    </xf>
    <xf numFmtId="40" fontId="8" fillId="0" borderId="80" xfId="1" applyNumberFormat="1" applyFont="1" applyFill="1" applyBorder="1" applyProtection="1">
      <protection locked="0"/>
    </xf>
    <xf numFmtId="40" fontId="8" fillId="0" borderId="81" xfId="1" applyNumberFormat="1" applyFont="1" applyFill="1" applyBorder="1" applyProtection="1">
      <protection locked="0"/>
    </xf>
    <xf numFmtId="38" fontId="8" fillId="0" borderId="83" xfId="1" applyFont="1" applyFill="1" applyBorder="1" applyProtection="1">
      <protection locked="0"/>
    </xf>
    <xf numFmtId="38" fontId="8" fillId="0" borderId="84" xfId="1" applyFont="1" applyFill="1" applyBorder="1" applyProtection="1">
      <protection locked="0"/>
    </xf>
    <xf numFmtId="40" fontId="8" fillId="0" borderId="83" xfId="1" applyNumberFormat="1" applyFont="1" applyFill="1" applyBorder="1" applyProtection="1">
      <protection locked="0"/>
    </xf>
    <xf numFmtId="38" fontId="8" fillId="0" borderId="85" xfId="1" applyFont="1" applyFill="1" applyBorder="1" applyProtection="1">
      <protection locked="0"/>
    </xf>
    <xf numFmtId="40" fontId="8" fillId="0" borderId="86" xfId="1" applyNumberFormat="1" applyFont="1" applyFill="1" applyBorder="1" applyProtection="1">
      <protection locked="0"/>
    </xf>
    <xf numFmtId="38" fontId="8" fillId="0" borderId="87" xfId="1" applyFont="1" applyFill="1" applyBorder="1" applyProtection="1">
      <protection locked="0"/>
    </xf>
    <xf numFmtId="40" fontId="8" fillId="0" borderId="88" xfId="1" applyNumberFormat="1" applyFont="1" applyFill="1" applyBorder="1" applyProtection="1">
      <protection locked="0"/>
    </xf>
    <xf numFmtId="38" fontId="8" fillId="0" borderId="89" xfId="1" applyFont="1" applyFill="1" applyBorder="1" applyProtection="1">
      <protection locked="0"/>
    </xf>
    <xf numFmtId="40" fontId="8" fillId="0" borderId="90" xfId="1" applyNumberFormat="1" applyFont="1" applyFill="1" applyBorder="1" applyProtection="1">
      <protection locked="0"/>
    </xf>
    <xf numFmtId="40" fontId="8" fillId="0" borderId="91" xfId="1" applyNumberFormat="1" applyFont="1" applyFill="1" applyBorder="1" applyProtection="1">
      <protection locked="0"/>
    </xf>
    <xf numFmtId="38" fontId="8" fillId="0" borderId="92" xfId="1" applyFont="1" applyFill="1" applyBorder="1" applyProtection="1"/>
    <xf numFmtId="38" fontId="8" fillId="0" borderId="93" xfId="1" applyFont="1" applyFill="1" applyBorder="1" applyProtection="1"/>
    <xf numFmtId="38" fontId="8" fillId="0" borderId="94" xfId="1" applyFont="1" applyFill="1" applyBorder="1" applyProtection="1"/>
    <xf numFmtId="38" fontId="8" fillId="0" borderId="95" xfId="1" applyFont="1" applyFill="1" applyBorder="1" applyProtection="1"/>
    <xf numFmtId="38" fontId="8" fillId="0" borderId="96" xfId="1" applyFont="1" applyFill="1" applyBorder="1" applyProtection="1"/>
    <xf numFmtId="40" fontId="8" fillId="0" borderId="97" xfId="1" applyNumberFormat="1" applyFont="1" applyFill="1" applyBorder="1" applyProtection="1">
      <protection locked="0"/>
    </xf>
    <xf numFmtId="38" fontId="8" fillId="0" borderId="18" xfId="1" applyFont="1" applyFill="1" applyBorder="1" applyProtection="1"/>
    <xf numFmtId="38" fontId="8" fillId="0" borderId="19" xfId="1" applyFont="1" applyFill="1" applyBorder="1" applyProtection="1"/>
    <xf numFmtId="40" fontId="8" fillId="0" borderId="18" xfId="1" applyNumberFormat="1" applyFont="1" applyFill="1" applyBorder="1" applyProtection="1">
      <protection locked="0"/>
    </xf>
    <xf numFmtId="38" fontId="8" fillId="0" borderId="100" xfId="1" applyFont="1" applyFill="1" applyBorder="1" applyProtection="1"/>
    <xf numFmtId="40" fontId="8" fillId="0" borderId="101" xfId="1" applyNumberFormat="1" applyFont="1" applyFill="1" applyBorder="1" applyProtection="1">
      <protection locked="0"/>
    </xf>
    <xf numFmtId="38" fontId="8" fillId="0" borderId="22" xfId="1" applyFont="1" applyFill="1" applyBorder="1" applyProtection="1"/>
    <xf numFmtId="40" fontId="8" fillId="0" borderId="20" xfId="1" applyNumberFormat="1" applyFont="1" applyFill="1" applyBorder="1" applyProtection="1">
      <protection locked="0"/>
    </xf>
    <xf numFmtId="38" fontId="8" fillId="0" borderId="21" xfId="1" applyFont="1" applyFill="1" applyBorder="1" applyProtection="1"/>
    <xf numFmtId="40" fontId="8" fillId="0" borderId="102" xfId="1" applyNumberFormat="1" applyFont="1" applyFill="1" applyBorder="1" applyProtection="1">
      <protection locked="0"/>
    </xf>
    <xf numFmtId="40" fontId="8" fillId="0" borderId="103" xfId="1" applyNumberFormat="1" applyFont="1" applyFill="1" applyBorder="1" applyProtection="1">
      <protection locked="0"/>
    </xf>
    <xf numFmtId="40" fontId="5" fillId="0" borderId="0" xfId="1" applyNumberFormat="1" applyFont="1" applyFill="1"/>
    <xf numFmtId="37" fontId="11" fillId="0" borderId="0" xfId="2" applyFont="1"/>
    <xf numFmtId="38" fontId="5" fillId="0" borderId="1" xfId="1" applyFont="1" applyFill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9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7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38" fontId="5" fillId="0" borderId="3" xfId="1" applyFont="1" applyFill="1" applyBorder="1" applyAlignment="1">
      <alignment horizontal="distributed" vertical="center" wrapText="1" justifyLastLine="1"/>
    </xf>
    <xf numFmtId="0" fontId="0" fillId="0" borderId="11" xfId="0" applyBorder="1" applyAlignment="1">
      <alignment horizontal="distributed" vertical="center" justifyLastLine="1"/>
    </xf>
    <xf numFmtId="38" fontId="8" fillId="0" borderId="82" xfId="1" applyFont="1" applyFill="1" applyBorder="1" applyAlignment="1">
      <alignment horizontal="distributed" justifyLastLine="1"/>
    </xf>
    <xf numFmtId="0" fontId="0" fillId="0" borderId="83" xfId="0" applyBorder="1" applyAlignment="1">
      <alignment horizontal="distributed" justifyLastLine="1"/>
    </xf>
    <xf numFmtId="38" fontId="8" fillId="0" borderId="98" xfId="1" applyFont="1" applyFill="1" applyBorder="1" applyAlignment="1">
      <alignment horizontal="distributed" justifyLastLine="1"/>
    </xf>
    <xf numFmtId="0" fontId="0" fillId="0" borderId="99" xfId="0" applyBorder="1" applyAlignment="1">
      <alignment horizontal="distributed" justifyLastLine="1"/>
    </xf>
  </cellXfs>
  <cellStyles count="3">
    <cellStyle name="桁区切り" xfId="1" builtinId="6"/>
    <cellStyle name="標準" xfId="0" builtinId="0"/>
    <cellStyle name="標準_単独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159"/>
  <sheetViews>
    <sheetView tabSelected="1" view="pageBreakPreview" zoomScaleNormal="100" zoomScaleSheetLayoutView="100" workbookViewId="0">
      <selection activeCell="AH7" sqref="AH7"/>
    </sheetView>
  </sheetViews>
  <sheetFormatPr defaultRowHeight="11.25" x14ac:dyDescent="0.15"/>
  <cols>
    <col min="1" max="1" width="3.125" style="3" customWidth="1"/>
    <col min="2" max="3" width="10" style="3" customWidth="1"/>
    <col min="4" max="4" width="6.75" style="3" customWidth="1"/>
    <col min="5" max="5" width="5" style="3" customWidth="1"/>
    <col min="6" max="6" width="6.75" style="3" customWidth="1"/>
    <col min="7" max="7" width="5" style="3" customWidth="1"/>
    <col min="8" max="8" width="6.75" style="3" customWidth="1"/>
    <col min="9" max="9" width="5" style="3" customWidth="1"/>
    <col min="10" max="10" width="6.75" style="3" customWidth="1"/>
    <col min="11" max="11" width="5" style="3" customWidth="1"/>
    <col min="12" max="12" width="6.75" style="3" customWidth="1"/>
    <col min="13" max="13" width="5" style="3" customWidth="1"/>
    <col min="14" max="14" width="6.75" style="3" customWidth="1"/>
    <col min="15" max="15" width="5" style="3" customWidth="1"/>
    <col min="16" max="16" width="6.75" style="3" customWidth="1"/>
    <col min="17" max="17" width="5" style="3" customWidth="1"/>
    <col min="18" max="18" width="6.75" style="3" customWidth="1"/>
    <col min="19" max="19" width="5" style="3" customWidth="1"/>
    <col min="20" max="20" width="6.75" style="3" customWidth="1"/>
    <col min="21" max="21" width="5" style="3" customWidth="1"/>
    <col min="22" max="22" width="6.75" style="3" customWidth="1"/>
    <col min="23" max="23" width="5" style="3" customWidth="1"/>
    <col min="24" max="24" width="6.75" style="3" customWidth="1"/>
    <col min="25" max="25" width="5" style="3" customWidth="1"/>
    <col min="26" max="26" width="6.75" style="3" customWidth="1"/>
    <col min="27" max="27" width="5" style="3" customWidth="1"/>
    <col min="28" max="28" width="6.75" style="3" customWidth="1"/>
    <col min="29" max="29" width="5" style="3" customWidth="1"/>
    <col min="30" max="30" width="6.75" style="3" customWidth="1"/>
    <col min="31" max="31" width="5" style="3" customWidth="1"/>
    <col min="32" max="32" width="6.75" style="3" customWidth="1"/>
    <col min="33" max="33" width="5" style="3" customWidth="1"/>
    <col min="34" max="16384" width="9" style="3"/>
  </cols>
  <sheetData>
    <row r="1" spans="1:33" ht="15.75" customHeight="1" x14ac:dyDescent="0.15">
      <c r="A1" s="1" t="s">
        <v>0</v>
      </c>
      <c r="B1" s="2"/>
      <c r="H1" s="4"/>
      <c r="I1" s="4"/>
      <c r="J1" s="5"/>
    </row>
    <row r="2" spans="1:33" ht="13.5" customHeight="1" thickBot="1" x14ac:dyDescent="0.2">
      <c r="A2" s="2"/>
      <c r="B2" s="2"/>
      <c r="C2" s="2"/>
      <c r="S2" s="6"/>
      <c r="T2" s="7"/>
      <c r="AG2" s="6" t="s">
        <v>1</v>
      </c>
    </row>
    <row r="3" spans="1:33" s="14" customFormat="1" ht="20.100000000000001" customHeight="1" x14ac:dyDescent="0.15">
      <c r="A3" s="121" t="s">
        <v>2</v>
      </c>
      <c r="B3" s="122"/>
      <c r="C3" s="127" t="s">
        <v>3</v>
      </c>
      <c r="D3" s="8" t="s">
        <v>4</v>
      </c>
      <c r="E3" s="9"/>
      <c r="F3" s="8" t="s">
        <v>5</v>
      </c>
      <c r="G3" s="9"/>
      <c r="H3" s="8" t="s">
        <v>6</v>
      </c>
      <c r="I3" s="9"/>
      <c r="J3" s="8" t="s">
        <v>7</v>
      </c>
      <c r="K3" s="9"/>
      <c r="L3" s="8" t="s">
        <v>8</v>
      </c>
      <c r="M3" s="9"/>
      <c r="N3" s="8" t="s">
        <v>9</v>
      </c>
      <c r="O3" s="10"/>
      <c r="P3" s="11" t="s">
        <v>10</v>
      </c>
      <c r="Q3" s="9"/>
      <c r="R3" s="12" t="s">
        <v>11</v>
      </c>
      <c r="S3" s="9"/>
      <c r="T3" s="13" t="s">
        <v>12</v>
      </c>
      <c r="U3" s="9"/>
      <c r="V3" s="8" t="s">
        <v>13</v>
      </c>
      <c r="W3" s="9"/>
      <c r="X3" s="8" t="s">
        <v>14</v>
      </c>
      <c r="Y3" s="9"/>
      <c r="Z3" s="8" t="s">
        <v>15</v>
      </c>
      <c r="AA3" s="9"/>
      <c r="AB3" s="8" t="s">
        <v>16</v>
      </c>
      <c r="AC3" s="9"/>
      <c r="AD3" s="8" t="s">
        <v>17</v>
      </c>
      <c r="AE3" s="9"/>
      <c r="AF3" s="8" t="s">
        <v>18</v>
      </c>
      <c r="AG3" s="10"/>
    </row>
    <row r="4" spans="1:33" ht="20.100000000000001" customHeight="1" x14ac:dyDescent="0.15">
      <c r="A4" s="123"/>
      <c r="B4" s="124"/>
      <c r="C4" s="128"/>
      <c r="D4" s="15" t="s">
        <v>19</v>
      </c>
      <c r="E4" s="16" t="s">
        <v>20</v>
      </c>
      <c r="F4" s="15" t="s">
        <v>19</v>
      </c>
      <c r="G4" s="16" t="s">
        <v>20</v>
      </c>
      <c r="H4" s="15" t="s">
        <v>19</v>
      </c>
      <c r="I4" s="16" t="s">
        <v>20</v>
      </c>
      <c r="J4" s="15" t="s">
        <v>19</v>
      </c>
      <c r="K4" s="16" t="s">
        <v>20</v>
      </c>
      <c r="L4" s="15" t="s">
        <v>19</v>
      </c>
      <c r="M4" s="16" t="s">
        <v>20</v>
      </c>
      <c r="N4" s="15" t="s">
        <v>19</v>
      </c>
      <c r="O4" s="17" t="s">
        <v>20</v>
      </c>
      <c r="P4" s="18" t="s">
        <v>19</v>
      </c>
      <c r="Q4" s="16" t="s">
        <v>20</v>
      </c>
      <c r="R4" s="19" t="s">
        <v>19</v>
      </c>
      <c r="S4" s="16" t="s">
        <v>20</v>
      </c>
      <c r="T4" s="20" t="s">
        <v>19</v>
      </c>
      <c r="U4" s="16" t="s">
        <v>20</v>
      </c>
      <c r="V4" s="15" t="s">
        <v>19</v>
      </c>
      <c r="W4" s="16" t="s">
        <v>20</v>
      </c>
      <c r="X4" s="15" t="s">
        <v>19</v>
      </c>
      <c r="Y4" s="16" t="s">
        <v>20</v>
      </c>
      <c r="Z4" s="15" t="s">
        <v>19</v>
      </c>
      <c r="AA4" s="16" t="s">
        <v>20</v>
      </c>
      <c r="AB4" s="15" t="s">
        <v>19</v>
      </c>
      <c r="AC4" s="16" t="s">
        <v>20</v>
      </c>
      <c r="AD4" s="15" t="s">
        <v>19</v>
      </c>
      <c r="AE4" s="16" t="s">
        <v>20</v>
      </c>
      <c r="AF4" s="15" t="s">
        <v>19</v>
      </c>
      <c r="AG4" s="17" t="s">
        <v>20</v>
      </c>
    </row>
    <row r="5" spans="1:33" ht="20.100000000000001" customHeight="1" thickBot="1" x14ac:dyDescent="0.2">
      <c r="A5" s="125"/>
      <c r="B5" s="126"/>
      <c r="C5" s="21" t="s">
        <v>21</v>
      </c>
      <c r="D5" s="22" t="s">
        <v>22</v>
      </c>
      <c r="E5" s="23" t="s">
        <v>23</v>
      </c>
      <c r="F5" s="24" t="s">
        <v>22</v>
      </c>
      <c r="G5" s="21" t="s">
        <v>23</v>
      </c>
      <c r="H5" s="24" t="s">
        <v>22</v>
      </c>
      <c r="I5" s="21" t="s">
        <v>23</v>
      </c>
      <c r="J5" s="24" t="s">
        <v>22</v>
      </c>
      <c r="K5" s="21" t="s">
        <v>23</v>
      </c>
      <c r="L5" s="24" t="s">
        <v>22</v>
      </c>
      <c r="M5" s="21" t="s">
        <v>23</v>
      </c>
      <c r="N5" s="24" t="s">
        <v>22</v>
      </c>
      <c r="O5" s="25" t="s">
        <v>23</v>
      </c>
      <c r="P5" s="26" t="s">
        <v>22</v>
      </c>
      <c r="Q5" s="21" t="s">
        <v>23</v>
      </c>
      <c r="R5" s="27" t="s">
        <v>22</v>
      </c>
      <c r="S5" s="21" t="s">
        <v>23</v>
      </c>
      <c r="T5" s="27" t="s">
        <v>22</v>
      </c>
      <c r="U5" s="21" t="s">
        <v>23</v>
      </c>
      <c r="V5" s="24" t="s">
        <v>22</v>
      </c>
      <c r="W5" s="21" t="s">
        <v>23</v>
      </c>
      <c r="X5" s="24" t="s">
        <v>22</v>
      </c>
      <c r="Y5" s="21" t="s">
        <v>23</v>
      </c>
      <c r="Z5" s="24" t="s">
        <v>22</v>
      </c>
      <c r="AA5" s="21" t="s">
        <v>23</v>
      </c>
      <c r="AB5" s="24" t="s">
        <v>22</v>
      </c>
      <c r="AC5" s="21" t="s">
        <v>23</v>
      </c>
      <c r="AD5" s="24" t="s">
        <v>22</v>
      </c>
      <c r="AE5" s="21" t="s">
        <v>23</v>
      </c>
      <c r="AF5" s="24" t="s">
        <v>22</v>
      </c>
      <c r="AG5" s="25" t="s">
        <v>23</v>
      </c>
    </row>
    <row r="6" spans="1:33" ht="18.75" customHeight="1" x14ac:dyDescent="0.15">
      <c r="A6" s="28" t="s">
        <v>24</v>
      </c>
      <c r="B6" s="29" t="s">
        <v>25</v>
      </c>
      <c r="C6" s="30">
        <v>815110</v>
      </c>
      <c r="D6" s="31">
        <v>15954</v>
      </c>
      <c r="E6" s="32">
        <v>1.96</v>
      </c>
      <c r="F6" s="31">
        <v>17293</v>
      </c>
      <c r="G6" s="32">
        <v>2.12</v>
      </c>
      <c r="H6" s="31">
        <v>18692</v>
      </c>
      <c r="I6" s="32">
        <v>2.29</v>
      </c>
      <c r="J6" s="33">
        <v>23452</v>
      </c>
      <c r="K6" s="34">
        <v>2.88</v>
      </c>
      <c r="L6" s="35">
        <v>31523</v>
      </c>
      <c r="M6" s="34">
        <v>3.87</v>
      </c>
      <c r="N6" s="35">
        <v>34083</v>
      </c>
      <c r="O6" s="36">
        <v>4.18</v>
      </c>
      <c r="P6" s="37">
        <v>36682</v>
      </c>
      <c r="Q6" s="34">
        <v>4.5</v>
      </c>
      <c r="R6" s="35">
        <v>40068</v>
      </c>
      <c r="S6" s="34">
        <v>4.92</v>
      </c>
      <c r="T6" s="38">
        <v>49169</v>
      </c>
      <c r="U6" s="32">
        <v>6.03</v>
      </c>
      <c r="V6" s="35">
        <v>53224</v>
      </c>
      <c r="W6" s="32">
        <v>6.53</v>
      </c>
      <c r="X6" s="35">
        <v>45869</v>
      </c>
      <c r="Y6" s="32">
        <v>5.63</v>
      </c>
      <c r="Z6" s="38">
        <v>46202</v>
      </c>
      <c r="AA6" s="32">
        <v>5.67</v>
      </c>
      <c r="AB6" s="35">
        <v>77247</v>
      </c>
      <c r="AC6" s="32">
        <v>9.48</v>
      </c>
      <c r="AD6" s="38">
        <v>168758</v>
      </c>
      <c r="AE6" s="32">
        <v>20.7</v>
      </c>
      <c r="AF6" s="35">
        <v>156894</v>
      </c>
      <c r="AG6" s="39">
        <v>19.25</v>
      </c>
    </row>
    <row r="7" spans="1:33" ht="18.75" customHeight="1" x14ac:dyDescent="0.15">
      <c r="A7" s="40" t="s">
        <v>26</v>
      </c>
      <c r="B7" s="29" t="s">
        <v>27</v>
      </c>
      <c r="C7" s="30">
        <v>307272</v>
      </c>
      <c r="D7" s="31">
        <v>6667</v>
      </c>
      <c r="E7" s="41">
        <v>2.17</v>
      </c>
      <c r="F7" s="31">
        <v>7054</v>
      </c>
      <c r="G7" s="41">
        <v>2.2999999999999998</v>
      </c>
      <c r="H7" s="31">
        <v>7741</v>
      </c>
      <c r="I7" s="41">
        <v>2.52</v>
      </c>
      <c r="J7" s="42">
        <v>9431</v>
      </c>
      <c r="K7" s="34">
        <v>3.07</v>
      </c>
      <c r="L7" s="43">
        <v>13688</v>
      </c>
      <c r="M7" s="34">
        <v>4.45</v>
      </c>
      <c r="N7" s="43">
        <v>15253</v>
      </c>
      <c r="O7" s="36">
        <v>4.96</v>
      </c>
      <c r="P7" s="44">
        <v>16437</v>
      </c>
      <c r="Q7" s="34">
        <v>5.35</v>
      </c>
      <c r="R7" s="43">
        <v>17645</v>
      </c>
      <c r="S7" s="34">
        <v>5.74</v>
      </c>
      <c r="T7" s="31">
        <v>20237</v>
      </c>
      <c r="U7" s="41">
        <v>6.59</v>
      </c>
      <c r="V7" s="43">
        <v>21801</v>
      </c>
      <c r="W7" s="41">
        <v>7.1</v>
      </c>
      <c r="X7" s="43">
        <v>18725</v>
      </c>
      <c r="Y7" s="41">
        <v>6.09</v>
      </c>
      <c r="Z7" s="31">
        <v>18438</v>
      </c>
      <c r="AA7" s="41">
        <v>6</v>
      </c>
      <c r="AB7" s="43">
        <v>27975</v>
      </c>
      <c r="AC7" s="41">
        <v>9.1</v>
      </c>
      <c r="AD7" s="31">
        <v>56292</v>
      </c>
      <c r="AE7" s="41">
        <v>18.32</v>
      </c>
      <c r="AF7" s="43">
        <v>49888</v>
      </c>
      <c r="AG7" s="45">
        <v>16.239999999999998</v>
      </c>
    </row>
    <row r="8" spans="1:33" ht="18.75" customHeight="1" x14ac:dyDescent="0.15">
      <c r="A8" s="40" t="s">
        <v>28</v>
      </c>
      <c r="B8" s="29" t="s">
        <v>29</v>
      </c>
      <c r="C8" s="30">
        <v>109614</v>
      </c>
      <c r="D8" s="31">
        <v>2122</v>
      </c>
      <c r="E8" s="41">
        <v>1.94</v>
      </c>
      <c r="F8" s="31">
        <v>2509</v>
      </c>
      <c r="G8" s="41">
        <v>2.29</v>
      </c>
      <c r="H8" s="31">
        <v>2666</v>
      </c>
      <c r="I8" s="41">
        <v>2.4300000000000002</v>
      </c>
      <c r="J8" s="42">
        <v>3091</v>
      </c>
      <c r="K8" s="34">
        <v>2.82</v>
      </c>
      <c r="L8" s="43">
        <v>3414</v>
      </c>
      <c r="M8" s="34">
        <v>3.11</v>
      </c>
      <c r="N8" s="43">
        <v>3449</v>
      </c>
      <c r="O8" s="36">
        <v>3.15</v>
      </c>
      <c r="P8" s="44">
        <v>3988</v>
      </c>
      <c r="Q8" s="34">
        <v>3.64</v>
      </c>
      <c r="R8" s="43">
        <v>4519</v>
      </c>
      <c r="S8" s="34">
        <v>4.12</v>
      </c>
      <c r="T8" s="31">
        <v>5905</v>
      </c>
      <c r="U8" s="41">
        <v>5.39</v>
      </c>
      <c r="V8" s="43">
        <v>6065</v>
      </c>
      <c r="W8" s="41">
        <v>5.53</v>
      </c>
      <c r="X8" s="43">
        <v>5014</v>
      </c>
      <c r="Y8" s="41">
        <v>4.57</v>
      </c>
      <c r="Z8" s="31">
        <v>5452</v>
      </c>
      <c r="AA8" s="41">
        <v>4.97</v>
      </c>
      <c r="AB8" s="43">
        <v>10853</v>
      </c>
      <c r="AC8" s="41">
        <v>9.9</v>
      </c>
      <c r="AD8" s="31">
        <v>25090</v>
      </c>
      <c r="AE8" s="41">
        <v>22.89</v>
      </c>
      <c r="AF8" s="43">
        <v>25477</v>
      </c>
      <c r="AG8" s="45">
        <v>23.24</v>
      </c>
    </row>
    <row r="9" spans="1:33" ht="18.75" customHeight="1" x14ac:dyDescent="0.15">
      <c r="A9" s="40" t="s">
        <v>30</v>
      </c>
      <c r="B9" s="29" t="s">
        <v>31</v>
      </c>
      <c r="C9" s="30">
        <v>68031</v>
      </c>
      <c r="D9" s="31">
        <v>1393</v>
      </c>
      <c r="E9" s="41">
        <v>2.0499999999999998</v>
      </c>
      <c r="F9" s="31">
        <v>1567</v>
      </c>
      <c r="G9" s="41">
        <v>2.2999999999999998</v>
      </c>
      <c r="H9" s="31">
        <v>1816</v>
      </c>
      <c r="I9" s="41">
        <v>2.67</v>
      </c>
      <c r="J9" s="42">
        <v>2082</v>
      </c>
      <c r="K9" s="34">
        <v>3.06</v>
      </c>
      <c r="L9" s="43">
        <v>2346</v>
      </c>
      <c r="M9" s="34">
        <v>3.45</v>
      </c>
      <c r="N9" s="43">
        <v>2235</v>
      </c>
      <c r="O9" s="36">
        <v>3.29</v>
      </c>
      <c r="P9" s="44">
        <v>2664</v>
      </c>
      <c r="Q9" s="34">
        <v>3.92</v>
      </c>
      <c r="R9" s="43">
        <v>3293</v>
      </c>
      <c r="S9" s="34">
        <v>4.84</v>
      </c>
      <c r="T9" s="31">
        <v>3859</v>
      </c>
      <c r="U9" s="41">
        <v>5.67</v>
      </c>
      <c r="V9" s="43">
        <v>4195</v>
      </c>
      <c r="W9" s="41">
        <v>6.17</v>
      </c>
      <c r="X9" s="43">
        <v>3516</v>
      </c>
      <c r="Y9" s="41">
        <v>5.17</v>
      </c>
      <c r="Z9" s="31">
        <v>3601</v>
      </c>
      <c r="AA9" s="41">
        <v>5.29</v>
      </c>
      <c r="AB9" s="43">
        <v>6927</v>
      </c>
      <c r="AC9" s="41">
        <v>10.18</v>
      </c>
      <c r="AD9" s="31">
        <v>15156</v>
      </c>
      <c r="AE9" s="41">
        <v>22.28</v>
      </c>
      <c r="AF9" s="43">
        <v>13381</v>
      </c>
      <c r="AG9" s="45">
        <v>19.670000000000002</v>
      </c>
    </row>
    <row r="10" spans="1:33" ht="18.75" customHeight="1" x14ac:dyDescent="0.15">
      <c r="A10" s="40" t="s">
        <v>32</v>
      </c>
      <c r="B10" s="29" t="s">
        <v>33</v>
      </c>
      <c r="C10" s="30">
        <v>43989</v>
      </c>
      <c r="D10" s="31">
        <v>811</v>
      </c>
      <c r="E10" s="41">
        <v>1.84</v>
      </c>
      <c r="F10" s="31">
        <v>893</v>
      </c>
      <c r="G10" s="41">
        <v>2.0299999999999998</v>
      </c>
      <c r="H10" s="31">
        <v>935</v>
      </c>
      <c r="I10" s="41">
        <v>2.13</v>
      </c>
      <c r="J10" s="42">
        <v>1090</v>
      </c>
      <c r="K10" s="34">
        <v>2.48</v>
      </c>
      <c r="L10" s="43">
        <v>1034</v>
      </c>
      <c r="M10" s="34">
        <v>2.35</v>
      </c>
      <c r="N10" s="43">
        <v>1098</v>
      </c>
      <c r="O10" s="36">
        <v>2.5</v>
      </c>
      <c r="P10" s="44">
        <v>1541</v>
      </c>
      <c r="Q10" s="34">
        <v>3.5</v>
      </c>
      <c r="R10" s="43">
        <v>2080</v>
      </c>
      <c r="S10" s="34">
        <v>4.7300000000000004</v>
      </c>
      <c r="T10" s="31">
        <v>2790</v>
      </c>
      <c r="U10" s="41">
        <v>6.34</v>
      </c>
      <c r="V10" s="43">
        <v>3012</v>
      </c>
      <c r="W10" s="41">
        <v>6.85</v>
      </c>
      <c r="X10" s="43">
        <v>2772</v>
      </c>
      <c r="Y10" s="41">
        <v>6.3</v>
      </c>
      <c r="Z10" s="31">
        <v>2571</v>
      </c>
      <c r="AA10" s="41">
        <v>5.84</v>
      </c>
      <c r="AB10" s="43">
        <v>4195</v>
      </c>
      <c r="AC10" s="41">
        <v>9.5399999999999991</v>
      </c>
      <c r="AD10" s="31">
        <v>9506</v>
      </c>
      <c r="AE10" s="41">
        <v>21.61</v>
      </c>
      <c r="AF10" s="43">
        <v>9661</v>
      </c>
      <c r="AG10" s="45">
        <v>21.96</v>
      </c>
    </row>
    <row r="11" spans="1:33" ht="18.75" customHeight="1" x14ac:dyDescent="0.15">
      <c r="A11" s="40" t="s">
        <v>34</v>
      </c>
      <c r="B11" s="29" t="s">
        <v>35</v>
      </c>
      <c r="C11" s="30">
        <v>98432</v>
      </c>
      <c r="D11" s="31">
        <v>2124</v>
      </c>
      <c r="E11" s="41">
        <v>2.16</v>
      </c>
      <c r="F11" s="31">
        <v>2591</v>
      </c>
      <c r="G11" s="41">
        <v>2.63</v>
      </c>
      <c r="H11" s="31">
        <v>2655</v>
      </c>
      <c r="I11" s="41">
        <v>2.7</v>
      </c>
      <c r="J11" s="42">
        <v>2918</v>
      </c>
      <c r="K11" s="34">
        <v>2.96</v>
      </c>
      <c r="L11" s="43">
        <v>3183</v>
      </c>
      <c r="M11" s="34">
        <v>3.23</v>
      </c>
      <c r="N11" s="43">
        <v>3257</v>
      </c>
      <c r="O11" s="36">
        <v>3.31</v>
      </c>
      <c r="P11" s="44">
        <v>4116</v>
      </c>
      <c r="Q11" s="34">
        <v>4.18</v>
      </c>
      <c r="R11" s="43">
        <v>5050</v>
      </c>
      <c r="S11" s="34">
        <v>5.13</v>
      </c>
      <c r="T11" s="31">
        <v>6406</v>
      </c>
      <c r="U11" s="41">
        <v>6.51</v>
      </c>
      <c r="V11" s="43">
        <v>6588</v>
      </c>
      <c r="W11" s="41">
        <v>6.69</v>
      </c>
      <c r="X11" s="43">
        <v>5312</v>
      </c>
      <c r="Y11" s="41">
        <v>5.4</v>
      </c>
      <c r="Z11" s="31">
        <v>5404</v>
      </c>
      <c r="AA11" s="41">
        <v>5.49</v>
      </c>
      <c r="AB11" s="43">
        <v>9183</v>
      </c>
      <c r="AC11" s="41">
        <v>9.33</v>
      </c>
      <c r="AD11" s="31">
        <v>20690</v>
      </c>
      <c r="AE11" s="41">
        <v>21.02</v>
      </c>
      <c r="AF11" s="43">
        <v>18955</v>
      </c>
      <c r="AG11" s="45">
        <v>19.260000000000002</v>
      </c>
    </row>
    <row r="12" spans="1:33" ht="18.75" customHeight="1" x14ac:dyDescent="0.15">
      <c r="A12" s="40" t="s">
        <v>36</v>
      </c>
      <c r="B12" s="29" t="s">
        <v>37</v>
      </c>
      <c r="C12" s="30">
        <v>49028</v>
      </c>
      <c r="D12" s="31">
        <v>785</v>
      </c>
      <c r="E12" s="41">
        <v>1.6</v>
      </c>
      <c r="F12" s="31">
        <v>1126</v>
      </c>
      <c r="G12" s="41">
        <v>2.2999999999999998</v>
      </c>
      <c r="H12" s="31">
        <v>1299</v>
      </c>
      <c r="I12" s="41">
        <v>2.65</v>
      </c>
      <c r="J12" s="42">
        <v>1557</v>
      </c>
      <c r="K12" s="34">
        <v>3.18</v>
      </c>
      <c r="L12" s="43">
        <v>1493</v>
      </c>
      <c r="M12" s="34">
        <v>3.05</v>
      </c>
      <c r="N12" s="43">
        <v>1541</v>
      </c>
      <c r="O12" s="36">
        <v>3.14</v>
      </c>
      <c r="P12" s="44">
        <v>1802</v>
      </c>
      <c r="Q12" s="34">
        <v>3.68</v>
      </c>
      <c r="R12" s="43">
        <v>2083</v>
      </c>
      <c r="S12" s="34">
        <v>4.25</v>
      </c>
      <c r="T12" s="31">
        <v>2784</v>
      </c>
      <c r="U12" s="41">
        <v>5.68</v>
      </c>
      <c r="V12" s="43">
        <v>2954</v>
      </c>
      <c r="W12" s="41">
        <v>6.03</v>
      </c>
      <c r="X12" s="43">
        <v>2562</v>
      </c>
      <c r="Y12" s="41">
        <v>5.23</v>
      </c>
      <c r="Z12" s="31">
        <v>2878</v>
      </c>
      <c r="AA12" s="41">
        <v>5.87</v>
      </c>
      <c r="AB12" s="43">
        <v>5247</v>
      </c>
      <c r="AC12" s="41">
        <v>10.7</v>
      </c>
      <c r="AD12" s="31">
        <v>11115</v>
      </c>
      <c r="AE12" s="41">
        <v>22.67</v>
      </c>
      <c r="AF12" s="43">
        <v>9802</v>
      </c>
      <c r="AG12" s="45">
        <v>19.989999999999998</v>
      </c>
    </row>
    <row r="13" spans="1:33" ht="18.75" customHeight="1" x14ac:dyDescent="0.15">
      <c r="A13" s="40" t="s">
        <v>38</v>
      </c>
      <c r="B13" s="29" t="s">
        <v>39</v>
      </c>
      <c r="C13" s="30">
        <v>58245</v>
      </c>
      <c r="D13" s="31">
        <v>1180</v>
      </c>
      <c r="E13" s="41">
        <v>2.0299999999999998</v>
      </c>
      <c r="F13" s="31">
        <v>1473</v>
      </c>
      <c r="G13" s="41">
        <v>2.5299999999999998</v>
      </c>
      <c r="H13" s="31">
        <v>1516</v>
      </c>
      <c r="I13" s="41">
        <v>2.6</v>
      </c>
      <c r="J13" s="42">
        <v>1709</v>
      </c>
      <c r="K13" s="34">
        <v>2.93</v>
      </c>
      <c r="L13" s="43">
        <v>1663</v>
      </c>
      <c r="M13" s="34">
        <v>2.86</v>
      </c>
      <c r="N13" s="43">
        <v>1742</v>
      </c>
      <c r="O13" s="36">
        <v>2.99</v>
      </c>
      <c r="P13" s="44">
        <v>2220</v>
      </c>
      <c r="Q13" s="34">
        <v>3.81</v>
      </c>
      <c r="R13" s="43">
        <v>2894</v>
      </c>
      <c r="S13" s="34">
        <v>4.97</v>
      </c>
      <c r="T13" s="31">
        <v>3665</v>
      </c>
      <c r="U13" s="41">
        <v>6.29</v>
      </c>
      <c r="V13" s="43">
        <v>3749</v>
      </c>
      <c r="W13" s="41">
        <v>6.44</v>
      </c>
      <c r="X13" s="43">
        <v>3186</v>
      </c>
      <c r="Y13" s="41">
        <v>5.47</v>
      </c>
      <c r="Z13" s="31">
        <v>3077</v>
      </c>
      <c r="AA13" s="41">
        <v>5.28</v>
      </c>
      <c r="AB13" s="43">
        <v>5581</v>
      </c>
      <c r="AC13" s="41">
        <v>9.58</v>
      </c>
      <c r="AD13" s="31">
        <v>12760</v>
      </c>
      <c r="AE13" s="41">
        <v>21.91</v>
      </c>
      <c r="AF13" s="43">
        <v>11830</v>
      </c>
      <c r="AG13" s="45">
        <v>20.309999999999999</v>
      </c>
    </row>
    <row r="14" spans="1:33" ht="18.75" customHeight="1" x14ac:dyDescent="0.15">
      <c r="A14" s="40" t="s">
        <v>40</v>
      </c>
      <c r="B14" s="29" t="s">
        <v>41</v>
      </c>
      <c r="C14" s="30">
        <v>15459</v>
      </c>
      <c r="D14" s="31">
        <v>308</v>
      </c>
      <c r="E14" s="41">
        <v>1.99</v>
      </c>
      <c r="F14" s="31">
        <v>363</v>
      </c>
      <c r="G14" s="41">
        <v>2.35</v>
      </c>
      <c r="H14" s="31">
        <v>376</v>
      </c>
      <c r="I14" s="41">
        <v>2.4300000000000002</v>
      </c>
      <c r="J14" s="42">
        <v>421</v>
      </c>
      <c r="K14" s="34">
        <v>2.72</v>
      </c>
      <c r="L14" s="43">
        <v>387</v>
      </c>
      <c r="M14" s="34">
        <v>2.5</v>
      </c>
      <c r="N14" s="43">
        <v>382</v>
      </c>
      <c r="O14" s="36">
        <v>2.4700000000000002</v>
      </c>
      <c r="P14" s="44">
        <v>505</v>
      </c>
      <c r="Q14" s="34">
        <v>3.27</v>
      </c>
      <c r="R14" s="43">
        <v>717</v>
      </c>
      <c r="S14" s="34">
        <v>4.6399999999999997</v>
      </c>
      <c r="T14" s="31">
        <v>970</v>
      </c>
      <c r="U14" s="41">
        <v>6.27</v>
      </c>
      <c r="V14" s="43">
        <v>1029</v>
      </c>
      <c r="W14" s="41">
        <v>6.66</v>
      </c>
      <c r="X14" s="43">
        <v>878</v>
      </c>
      <c r="Y14" s="41">
        <v>5.68</v>
      </c>
      <c r="Z14" s="31">
        <v>911</v>
      </c>
      <c r="AA14" s="41">
        <v>5.89</v>
      </c>
      <c r="AB14" s="43">
        <v>1439</v>
      </c>
      <c r="AC14" s="41">
        <v>9.31</v>
      </c>
      <c r="AD14" s="31">
        <v>3358</v>
      </c>
      <c r="AE14" s="41">
        <v>21.72</v>
      </c>
      <c r="AF14" s="43">
        <v>3415</v>
      </c>
      <c r="AG14" s="45">
        <v>22.09</v>
      </c>
    </row>
    <row r="15" spans="1:33" ht="18.75" customHeight="1" x14ac:dyDescent="0.15">
      <c r="A15" s="46">
        <v>10</v>
      </c>
      <c r="B15" s="29" t="s">
        <v>42</v>
      </c>
      <c r="C15" s="30">
        <v>187875</v>
      </c>
      <c r="D15" s="31">
        <v>3767</v>
      </c>
      <c r="E15" s="41">
        <v>2.0099999999999998</v>
      </c>
      <c r="F15" s="31">
        <v>4424</v>
      </c>
      <c r="G15" s="41">
        <v>2.35</v>
      </c>
      <c r="H15" s="31">
        <v>4751</v>
      </c>
      <c r="I15" s="41">
        <v>2.5299999999999998</v>
      </c>
      <c r="J15" s="42">
        <v>5745</v>
      </c>
      <c r="K15" s="34">
        <v>3.06</v>
      </c>
      <c r="L15" s="43">
        <v>7745</v>
      </c>
      <c r="M15" s="34">
        <v>4.12</v>
      </c>
      <c r="N15" s="43">
        <v>7675</v>
      </c>
      <c r="O15" s="36">
        <v>4.09</v>
      </c>
      <c r="P15" s="44">
        <v>8030</v>
      </c>
      <c r="Q15" s="34">
        <v>4.2699999999999996</v>
      </c>
      <c r="R15" s="43">
        <v>9140</v>
      </c>
      <c r="S15" s="34">
        <v>4.8600000000000003</v>
      </c>
      <c r="T15" s="31">
        <v>11803</v>
      </c>
      <c r="U15" s="41">
        <v>6.28</v>
      </c>
      <c r="V15" s="43">
        <v>12357</v>
      </c>
      <c r="W15" s="41">
        <v>6.58</v>
      </c>
      <c r="X15" s="43">
        <v>9996</v>
      </c>
      <c r="Y15" s="41">
        <v>5.32</v>
      </c>
      <c r="Z15" s="31">
        <v>9740</v>
      </c>
      <c r="AA15" s="41">
        <v>5.18</v>
      </c>
      <c r="AB15" s="43">
        <v>18018</v>
      </c>
      <c r="AC15" s="41">
        <v>9.59</v>
      </c>
      <c r="AD15" s="31">
        <v>38964</v>
      </c>
      <c r="AE15" s="41">
        <v>20.74</v>
      </c>
      <c r="AF15" s="43">
        <v>35720</v>
      </c>
      <c r="AG15" s="45">
        <v>19.010000000000002</v>
      </c>
    </row>
    <row r="16" spans="1:33" ht="18.75" customHeight="1" x14ac:dyDescent="0.15">
      <c r="A16" s="46">
        <v>11</v>
      </c>
      <c r="B16" s="29" t="s">
        <v>43</v>
      </c>
      <c r="C16" s="30">
        <v>15717</v>
      </c>
      <c r="D16" s="31">
        <v>270</v>
      </c>
      <c r="E16" s="41">
        <v>1.72</v>
      </c>
      <c r="F16" s="31">
        <v>367</v>
      </c>
      <c r="G16" s="41">
        <v>2.34</v>
      </c>
      <c r="H16" s="31">
        <v>473</v>
      </c>
      <c r="I16" s="41">
        <v>3.01</v>
      </c>
      <c r="J16" s="42">
        <v>539</v>
      </c>
      <c r="K16" s="34">
        <v>3.43</v>
      </c>
      <c r="L16" s="43">
        <v>543</v>
      </c>
      <c r="M16" s="34">
        <v>3.45</v>
      </c>
      <c r="N16" s="43">
        <v>510</v>
      </c>
      <c r="O16" s="36">
        <v>3.24</v>
      </c>
      <c r="P16" s="44">
        <v>543</v>
      </c>
      <c r="Q16" s="34">
        <v>3.45</v>
      </c>
      <c r="R16" s="43">
        <v>622</v>
      </c>
      <c r="S16" s="34">
        <v>3.96</v>
      </c>
      <c r="T16" s="31">
        <v>862</v>
      </c>
      <c r="U16" s="41">
        <v>5.48</v>
      </c>
      <c r="V16" s="43">
        <v>958</v>
      </c>
      <c r="W16" s="41">
        <v>6.1</v>
      </c>
      <c r="X16" s="43">
        <v>868</v>
      </c>
      <c r="Y16" s="41">
        <v>5.52</v>
      </c>
      <c r="Z16" s="31">
        <v>981</v>
      </c>
      <c r="AA16" s="41">
        <v>6.24</v>
      </c>
      <c r="AB16" s="43">
        <v>1765</v>
      </c>
      <c r="AC16" s="41">
        <v>11.23</v>
      </c>
      <c r="AD16" s="31">
        <v>3442</v>
      </c>
      <c r="AE16" s="41">
        <v>21.9</v>
      </c>
      <c r="AF16" s="43">
        <v>2974</v>
      </c>
      <c r="AG16" s="45">
        <v>18.920000000000002</v>
      </c>
    </row>
    <row r="17" spans="1:33" ht="18.75" customHeight="1" x14ac:dyDescent="0.15">
      <c r="A17" s="46">
        <v>12</v>
      </c>
      <c r="B17" s="29" t="s">
        <v>44</v>
      </c>
      <c r="C17" s="30">
        <v>44662</v>
      </c>
      <c r="D17" s="31">
        <v>816</v>
      </c>
      <c r="E17" s="41">
        <v>1.83</v>
      </c>
      <c r="F17" s="31">
        <v>947</v>
      </c>
      <c r="G17" s="41">
        <v>2.12</v>
      </c>
      <c r="H17" s="31">
        <v>961</v>
      </c>
      <c r="I17" s="41">
        <v>2.15</v>
      </c>
      <c r="J17" s="42">
        <v>1166</v>
      </c>
      <c r="K17" s="34">
        <v>2.61</v>
      </c>
      <c r="L17" s="43">
        <v>1532</v>
      </c>
      <c r="M17" s="34">
        <v>3.43</v>
      </c>
      <c r="N17" s="43">
        <v>1473</v>
      </c>
      <c r="O17" s="36">
        <v>3.3</v>
      </c>
      <c r="P17" s="44">
        <v>1631</v>
      </c>
      <c r="Q17" s="34">
        <v>3.65</v>
      </c>
      <c r="R17" s="43">
        <v>1983</v>
      </c>
      <c r="S17" s="34">
        <v>4.4400000000000004</v>
      </c>
      <c r="T17" s="31">
        <v>2220</v>
      </c>
      <c r="U17" s="41">
        <v>4.97</v>
      </c>
      <c r="V17" s="43">
        <v>2330</v>
      </c>
      <c r="W17" s="41">
        <v>5.22</v>
      </c>
      <c r="X17" s="43">
        <v>1855</v>
      </c>
      <c r="Y17" s="41">
        <v>4.1500000000000004</v>
      </c>
      <c r="Z17" s="31">
        <v>2265</v>
      </c>
      <c r="AA17" s="41">
        <v>5.07</v>
      </c>
      <c r="AB17" s="43">
        <v>5156</v>
      </c>
      <c r="AC17" s="41">
        <v>11.54</v>
      </c>
      <c r="AD17" s="31">
        <v>11150</v>
      </c>
      <c r="AE17" s="41">
        <v>24.97</v>
      </c>
      <c r="AF17" s="43">
        <v>9177</v>
      </c>
      <c r="AG17" s="45">
        <v>20.55</v>
      </c>
    </row>
    <row r="18" spans="1:33" ht="18.75" customHeight="1" x14ac:dyDescent="0.15">
      <c r="A18" s="46">
        <v>13</v>
      </c>
      <c r="B18" s="29" t="s">
        <v>45</v>
      </c>
      <c r="C18" s="30">
        <v>60107</v>
      </c>
      <c r="D18" s="31">
        <v>1385</v>
      </c>
      <c r="E18" s="41">
        <v>2.2999999999999998</v>
      </c>
      <c r="F18" s="31">
        <v>1600</v>
      </c>
      <c r="G18" s="41">
        <v>2.66</v>
      </c>
      <c r="H18" s="31">
        <v>1736</v>
      </c>
      <c r="I18" s="41">
        <v>2.89</v>
      </c>
      <c r="J18" s="42">
        <v>1974</v>
      </c>
      <c r="K18" s="34">
        <v>3.28</v>
      </c>
      <c r="L18" s="43">
        <v>2240</v>
      </c>
      <c r="M18" s="34">
        <v>3.73</v>
      </c>
      <c r="N18" s="43">
        <v>2248</v>
      </c>
      <c r="O18" s="36">
        <v>3.74</v>
      </c>
      <c r="P18" s="44">
        <v>2493</v>
      </c>
      <c r="Q18" s="34">
        <v>4.1500000000000004</v>
      </c>
      <c r="R18" s="43">
        <v>2923</v>
      </c>
      <c r="S18" s="34">
        <v>4.8600000000000003</v>
      </c>
      <c r="T18" s="31">
        <v>3686</v>
      </c>
      <c r="U18" s="41">
        <v>6.13</v>
      </c>
      <c r="V18" s="43">
        <v>3725</v>
      </c>
      <c r="W18" s="41">
        <v>6.2</v>
      </c>
      <c r="X18" s="43">
        <v>2901</v>
      </c>
      <c r="Y18" s="41">
        <v>4.83</v>
      </c>
      <c r="Z18" s="31">
        <v>3020</v>
      </c>
      <c r="AA18" s="41">
        <v>5.0199999999999996</v>
      </c>
      <c r="AB18" s="43">
        <v>6084</v>
      </c>
      <c r="AC18" s="41">
        <v>10.119999999999999</v>
      </c>
      <c r="AD18" s="31">
        <v>12923</v>
      </c>
      <c r="AE18" s="41">
        <v>21.5</v>
      </c>
      <c r="AF18" s="43">
        <v>11169</v>
      </c>
      <c r="AG18" s="45">
        <v>18.579999999999998</v>
      </c>
    </row>
    <row r="19" spans="1:33" ht="18.75" customHeight="1" x14ac:dyDescent="0.15">
      <c r="A19" s="46">
        <v>14</v>
      </c>
      <c r="B19" s="29" t="s">
        <v>46</v>
      </c>
      <c r="C19" s="30">
        <v>59662</v>
      </c>
      <c r="D19" s="31">
        <v>1387</v>
      </c>
      <c r="E19" s="41">
        <v>2.3199999999999998</v>
      </c>
      <c r="F19" s="31">
        <v>1495</v>
      </c>
      <c r="G19" s="41">
        <v>2.5099999999999998</v>
      </c>
      <c r="H19" s="31">
        <v>1552</v>
      </c>
      <c r="I19" s="41">
        <v>2.6</v>
      </c>
      <c r="J19" s="42">
        <v>1818</v>
      </c>
      <c r="K19" s="34">
        <v>3.05</v>
      </c>
      <c r="L19" s="43">
        <v>2235</v>
      </c>
      <c r="M19" s="34">
        <v>3.75</v>
      </c>
      <c r="N19" s="43">
        <v>2603</v>
      </c>
      <c r="O19" s="36">
        <v>4.3600000000000003</v>
      </c>
      <c r="P19" s="44">
        <v>2669</v>
      </c>
      <c r="Q19" s="34">
        <v>4.47</v>
      </c>
      <c r="R19" s="43">
        <v>2980</v>
      </c>
      <c r="S19" s="34">
        <v>4.99</v>
      </c>
      <c r="T19" s="31">
        <v>3881</v>
      </c>
      <c r="U19" s="41">
        <v>6.5</v>
      </c>
      <c r="V19" s="43">
        <v>3999</v>
      </c>
      <c r="W19" s="41">
        <v>6.7</v>
      </c>
      <c r="X19" s="43">
        <v>3324</v>
      </c>
      <c r="Y19" s="41">
        <v>5.57</v>
      </c>
      <c r="Z19" s="31">
        <v>3279</v>
      </c>
      <c r="AA19" s="41">
        <v>5.5</v>
      </c>
      <c r="AB19" s="43">
        <v>5405</v>
      </c>
      <c r="AC19" s="41">
        <v>9.06</v>
      </c>
      <c r="AD19" s="31">
        <v>11878</v>
      </c>
      <c r="AE19" s="41">
        <v>19.91</v>
      </c>
      <c r="AF19" s="43">
        <v>11157</v>
      </c>
      <c r="AG19" s="45">
        <v>18.7</v>
      </c>
    </row>
    <row r="20" spans="1:33" ht="18.75" customHeight="1" x14ac:dyDescent="0.15">
      <c r="A20" s="46">
        <v>15</v>
      </c>
      <c r="B20" s="29" t="s">
        <v>47</v>
      </c>
      <c r="C20" s="30">
        <v>24720</v>
      </c>
      <c r="D20" s="31">
        <v>449</v>
      </c>
      <c r="E20" s="41">
        <v>1.82</v>
      </c>
      <c r="F20" s="31">
        <v>499</v>
      </c>
      <c r="G20" s="41">
        <v>2.02</v>
      </c>
      <c r="H20" s="31">
        <v>601</v>
      </c>
      <c r="I20" s="41">
        <v>2.4300000000000002</v>
      </c>
      <c r="J20" s="42">
        <v>711</v>
      </c>
      <c r="K20" s="34">
        <v>2.88</v>
      </c>
      <c r="L20" s="43">
        <v>856</v>
      </c>
      <c r="M20" s="34">
        <v>3.46</v>
      </c>
      <c r="N20" s="43">
        <v>897</v>
      </c>
      <c r="O20" s="36">
        <v>3.63</v>
      </c>
      <c r="P20" s="44">
        <v>929</v>
      </c>
      <c r="Q20" s="34">
        <v>3.76</v>
      </c>
      <c r="R20" s="43">
        <v>1058</v>
      </c>
      <c r="S20" s="34">
        <v>4.28</v>
      </c>
      <c r="T20" s="31">
        <v>1433</v>
      </c>
      <c r="U20" s="41">
        <v>5.8</v>
      </c>
      <c r="V20" s="43">
        <v>1489</v>
      </c>
      <c r="W20" s="41">
        <v>6.02</v>
      </c>
      <c r="X20" s="43">
        <v>1139</v>
      </c>
      <c r="Y20" s="41">
        <v>4.6100000000000003</v>
      </c>
      <c r="Z20" s="31">
        <v>1256</v>
      </c>
      <c r="AA20" s="41">
        <v>5.08</v>
      </c>
      <c r="AB20" s="43">
        <v>2567</v>
      </c>
      <c r="AC20" s="41">
        <v>10.38</v>
      </c>
      <c r="AD20" s="31">
        <v>5683</v>
      </c>
      <c r="AE20" s="41">
        <v>22.99</v>
      </c>
      <c r="AF20" s="43">
        <v>5153</v>
      </c>
      <c r="AG20" s="45">
        <v>20.85</v>
      </c>
    </row>
    <row r="21" spans="1:33" ht="18.75" customHeight="1" x14ac:dyDescent="0.15">
      <c r="A21" s="46">
        <v>16</v>
      </c>
      <c r="B21" s="29" t="s">
        <v>48</v>
      </c>
      <c r="C21" s="30">
        <v>32317</v>
      </c>
      <c r="D21" s="31">
        <v>594</v>
      </c>
      <c r="E21" s="41">
        <v>1.84</v>
      </c>
      <c r="F21" s="31">
        <v>679</v>
      </c>
      <c r="G21" s="41">
        <v>2.1</v>
      </c>
      <c r="H21" s="31">
        <v>773</v>
      </c>
      <c r="I21" s="41">
        <v>2.39</v>
      </c>
      <c r="J21" s="42">
        <v>916</v>
      </c>
      <c r="K21" s="34">
        <v>2.83</v>
      </c>
      <c r="L21" s="43">
        <v>1085</v>
      </c>
      <c r="M21" s="34">
        <v>3.36</v>
      </c>
      <c r="N21" s="43">
        <v>1136</v>
      </c>
      <c r="O21" s="36">
        <v>3.52</v>
      </c>
      <c r="P21" s="44">
        <v>1365</v>
      </c>
      <c r="Q21" s="34">
        <v>4.22</v>
      </c>
      <c r="R21" s="43">
        <v>1588</v>
      </c>
      <c r="S21" s="34">
        <v>4.91</v>
      </c>
      <c r="T21" s="31">
        <v>1936</v>
      </c>
      <c r="U21" s="41">
        <v>5.99</v>
      </c>
      <c r="V21" s="43">
        <v>2013</v>
      </c>
      <c r="W21" s="41">
        <v>6.23</v>
      </c>
      <c r="X21" s="43">
        <v>1560</v>
      </c>
      <c r="Y21" s="41">
        <v>4.83</v>
      </c>
      <c r="Z21" s="31">
        <v>1587</v>
      </c>
      <c r="AA21" s="41">
        <v>4.91</v>
      </c>
      <c r="AB21" s="43">
        <v>3267</v>
      </c>
      <c r="AC21" s="41">
        <v>10.11</v>
      </c>
      <c r="AD21" s="31">
        <v>7246</v>
      </c>
      <c r="AE21" s="41">
        <v>22.42</v>
      </c>
      <c r="AF21" s="43">
        <v>6572</v>
      </c>
      <c r="AG21" s="45">
        <v>20.34</v>
      </c>
    </row>
    <row r="22" spans="1:33" ht="18.75" customHeight="1" x14ac:dyDescent="0.15">
      <c r="A22" s="46">
        <v>17</v>
      </c>
      <c r="B22" s="29" t="s">
        <v>49</v>
      </c>
      <c r="C22" s="30">
        <v>33964</v>
      </c>
      <c r="D22" s="31">
        <v>713</v>
      </c>
      <c r="E22" s="41">
        <v>2.1</v>
      </c>
      <c r="F22" s="31">
        <v>756</v>
      </c>
      <c r="G22" s="41">
        <v>2.23</v>
      </c>
      <c r="H22" s="31">
        <v>804</v>
      </c>
      <c r="I22" s="41">
        <v>2.37</v>
      </c>
      <c r="J22" s="42">
        <v>1029</v>
      </c>
      <c r="K22" s="34">
        <v>3.03</v>
      </c>
      <c r="L22" s="43">
        <v>1284</v>
      </c>
      <c r="M22" s="34">
        <v>3.78</v>
      </c>
      <c r="N22" s="43">
        <v>1341</v>
      </c>
      <c r="O22" s="36">
        <v>3.95</v>
      </c>
      <c r="P22" s="44">
        <v>1461</v>
      </c>
      <c r="Q22" s="34">
        <v>4.3</v>
      </c>
      <c r="R22" s="43">
        <v>1673</v>
      </c>
      <c r="S22" s="34">
        <v>4.93</v>
      </c>
      <c r="T22" s="31">
        <v>2164</v>
      </c>
      <c r="U22" s="41">
        <v>6.37</v>
      </c>
      <c r="V22" s="43">
        <v>2264</v>
      </c>
      <c r="W22" s="41">
        <v>6.67</v>
      </c>
      <c r="X22" s="43">
        <v>1783</v>
      </c>
      <c r="Y22" s="41">
        <v>5.25</v>
      </c>
      <c r="Z22" s="31">
        <v>1860</v>
      </c>
      <c r="AA22" s="41">
        <v>5.48</v>
      </c>
      <c r="AB22" s="43">
        <v>3256</v>
      </c>
      <c r="AC22" s="41">
        <v>9.59</v>
      </c>
      <c r="AD22" s="31">
        <v>7117</v>
      </c>
      <c r="AE22" s="41">
        <v>20.95</v>
      </c>
      <c r="AF22" s="43">
        <v>6459</v>
      </c>
      <c r="AG22" s="45">
        <v>19.02</v>
      </c>
    </row>
    <row r="23" spans="1:33" ht="18.75" customHeight="1" x14ac:dyDescent="0.15">
      <c r="A23" s="46">
        <v>18</v>
      </c>
      <c r="B23" s="29" t="s">
        <v>50</v>
      </c>
      <c r="C23" s="30">
        <v>10372</v>
      </c>
      <c r="D23" s="31">
        <v>148</v>
      </c>
      <c r="E23" s="41">
        <v>1.43</v>
      </c>
      <c r="F23" s="31">
        <v>219</v>
      </c>
      <c r="G23" s="41">
        <v>2.11</v>
      </c>
      <c r="H23" s="31">
        <v>238</v>
      </c>
      <c r="I23" s="41">
        <v>2.29</v>
      </c>
      <c r="J23" s="42">
        <v>321</v>
      </c>
      <c r="K23" s="34">
        <v>3.09</v>
      </c>
      <c r="L23" s="43">
        <v>310</v>
      </c>
      <c r="M23" s="34">
        <v>2.99</v>
      </c>
      <c r="N23" s="43">
        <v>299</v>
      </c>
      <c r="O23" s="36">
        <v>2.88</v>
      </c>
      <c r="P23" s="44">
        <v>323</v>
      </c>
      <c r="Q23" s="34">
        <v>3.11</v>
      </c>
      <c r="R23" s="43">
        <v>409</v>
      </c>
      <c r="S23" s="34">
        <v>3.94</v>
      </c>
      <c r="T23" s="31">
        <v>522</v>
      </c>
      <c r="U23" s="41">
        <v>5.03</v>
      </c>
      <c r="V23" s="43">
        <v>610</v>
      </c>
      <c r="W23" s="41">
        <v>5.88</v>
      </c>
      <c r="X23" s="43">
        <v>509</v>
      </c>
      <c r="Y23" s="41">
        <v>4.91</v>
      </c>
      <c r="Z23" s="31">
        <v>569</v>
      </c>
      <c r="AA23" s="41">
        <v>5.49</v>
      </c>
      <c r="AB23" s="43">
        <v>1248</v>
      </c>
      <c r="AC23" s="41">
        <v>12.03</v>
      </c>
      <c r="AD23" s="31">
        <v>2404</v>
      </c>
      <c r="AE23" s="41">
        <v>23.18</v>
      </c>
      <c r="AF23" s="43">
        <v>2243</v>
      </c>
      <c r="AG23" s="45">
        <v>21.63</v>
      </c>
    </row>
    <row r="24" spans="1:33" ht="18.75" customHeight="1" thickBot="1" x14ac:dyDescent="0.2">
      <c r="A24" s="47">
        <v>21</v>
      </c>
      <c r="B24" s="48" t="s">
        <v>51</v>
      </c>
      <c r="C24" s="49">
        <v>24125</v>
      </c>
      <c r="D24" s="50">
        <v>680</v>
      </c>
      <c r="E24" s="51">
        <v>2.82</v>
      </c>
      <c r="F24" s="50">
        <v>727</v>
      </c>
      <c r="G24" s="51">
        <v>3.01</v>
      </c>
      <c r="H24" s="50">
        <v>708</v>
      </c>
      <c r="I24" s="51">
        <v>2.93</v>
      </c>
      <c r="J24" s="52">
        <v>751</v>
      </c>
      <c r="K24" s="53">
        <v>3.11</v>
      </c>
      <c r="L24" s="52">
        <v>839</v>
      </c>
      <c r="M24" s="53">
        <v>3.48</v>
      </c>
      <c r="N24" s="52">
        <v>879</v>
      </c>
      <c r="O24" s="54">
        <v>3.64</v>
      </c>
      <c r="P24" s="55">
        <v>979</v>
      </c>
      <c r="Q24" s="53">
        <v>4.0599999999999996</v>
      </c>
      <c r="R24" s="52">
        <v>1111</v>
      </c>
      <c r="S24" s="56">
        <v>4.6100000000000003</v>
      </c>
      <c r="T24" s="57">
        <v>1523</v>
      </c>
      <c r="U24" s="58">
        <v>6.31</v>
      </c>
      <c r="V24" s="52">
        <v>1514</v>
      </c>
      <c r="W24" s="58">
        <v>6.28</v>
      </c>
      <c r="X24" s="52">
        <v>1088</v>
      </c>
      <c r="Y24" s="58">
        <v>4.51</v>
      </c>
      <c r="Z24" s="57">
        <v>1058</v>
      </c>
      <c r="AA24" s="58">
        <v>4.3899999999999997</v>
      </c>
      <c r="AB24" s="52">
        <v>2114</v>
      </c>
      <c r="AC24" s="58">
        <v>8.76</v>
      </c>
      <c r="AD24" s="57">
        <v>5132</v>
      </c>
      <c r="AE24" s="58">
        <v>21.27</v>
      </c>
      <c r="AF24" s="52">
        <v>5022</v>
      </c>
      <c r="AG24" s="59">
        <v>20.82</v>
      </c>
    </row>
    <row r="25" spans="1:33" ht="18.75" customHeight="1" thickTop="1" x14ac:dyDescent="0.15">
      <c r="A25" s="62">
        <v>19</v>
      </c>
      <c r="B25" s="29" t="s">
        <v>52</v>
      </c>
      <c r="C25" s="30">
        <v>9264</v>
      </c>
      <c r="D25" s="31">
        <v>226</v>
      </c>
      <c r="E25" s="41">
        <v>2.44</v>
      </c>
      <c r="F25" s="31">
        <v>288</v>
      </c>
      <c r="G25" s="41">
        <v>3.11</v>
      </c>
      <c r="H25" s="31">
        <v>317</v>
      </c>
      <c r="I25" s="41">
        <v>3.42</v>
      </c>
      <c r="J25" s="42">
        <v>303</v>
      </c>
      <c r="K25" s="34">
        <v>3.27</v>
      </c>
      <c r="L25" s="43">
        <v>236</v>
      </c>
      <c r="M25" s="34">
        <v>2.5499999999999998</v>
      </c>
      <c r="N25" s="43">
        <v>184</v>
      </c>
      <c r="O25" s="36">
        <v>1.99</v>
      </c>
      <c r="P25" s="44">
        <v>283</v>
      </c>
      <c r="Q25" s="34">
        <v>3.05</v>
      </c>
      <c r="R25" s="43">
        <v>420</v>
      </c>
      <c r="S25" s="34">
        <v>4.53</v>
      </c>
      <c r="T25" s="31">
        <v>643</v>
      </c>
      <c r="U25" s="41">
        <v>6.94</v>
      </c>
      <c r="V25" s="43">
        <v>689</v>
      </c>
      <c r="W25" s="41">
        <v>7.44</v>
      </c>
      <c r="X25" s="43">
        <v>570</v>
      </c>
      <c r="Y25" s="41">
        <v>6.15</v>
      </c>
      <c r="Z25" s="31">
        <v>504</v>
      </c>
      <c r="AA25" s="41">
        <v>5.44</v>
      </c>
      <c r="AB25" s="43">
        <v>823</v>
      </c>
      <c r="AC25" s="41">
        <v>8.8800000000000008</v>
      </c>
      <c r="AD25" s="31">
        <v>1859</v>
      </c>
      <c r="AE25" s="41">
        <v>20.07</v>
      </c>
      <c r="AF25" s="43">
        <v>1919</v>
      </c>
      <c r="AG25" s="45">
        <v>20.71</v>
      </c>
    </row>
    <row r="26" spans="1:33" ht="18.75" customHeight="1" x14ac:dyDescent="0.15">
      <c r="A26" s="46">
        <v>20</v>
      </c>
      <c r="B26" s="29" t="s">
        <v>53</v>
      </c>
      <c r="C26" s="30">
        <v>12601</v>
      </c>
      <c r="D26" s="31">
        <v>283</v>
      </c>
      <c r="E26" s="41">
        <v>2.25</v>
      </c>
      <c r="F26" s="31">
        <v>310</v>
      </c>
      <c r="G26" s="41">
        <v>2.46</v>
      </c>
      <c r="H26" s="31">
        <v>343</v>
      </c>
      <c r="I26" s="41">
        <v>2.72</v>
      </c>
      <c r="J26" s="42">
        <v>345</v>
      </c>
      <c r="K26" s="34">
        <v>2.74</v>
      </c>
      <c r="L26" s="43">
        <v>401</v>
      </c>
      <c r="M26" s="34">
        <v>3.18</v>
      </c>
      <c r="N26" s="43">
        <v>411</v>
      </c>
      <c r="O26" s="36">
        <v>3.26</v>
      </c>
      <c r="P26" s="44">
        <v>461</v>
      </c>
      <c r="Q26" s="34">
        <v>3.66</v>
      </c>
      <c r="R26" s="43">
        <v>642</v>
      </c>
      <c r="S26" s="34">
        <v>5.09</v>
      </c>
      <c r="T26" s="31">
        <v>716</v>
      </c>
      <c r="U26" s="41">
        <v>5.68</v>
      </c>
      <c r="V26" s="43">
        <v>705</v>
      </c>
      <c r="W26" s="41">
        <v>5.59</v>
      </c>
      <c r="X26" s="43">
        <v>559</v>
      </c>
      <c r="Y26" s="41">
        <v>4.4400000000000004</v>
      </c>
      <c r="Z26" s="31">
        <v>583</v>
      </c>
      <c r="AA26" s="63">
        <v>4.63</v>
      </c>
      <c r="AB26" s="64">
        <v>1312</v>
      </c>
      <c r="AC26" s="41">
        <v>10.41</v>
      </c>
      <c r="AD26" s="65">
        <v>2915</v>
      </c>
      <c r="AE26" s="41">
        <v>23.13</v>
      </c>
      <c r="AF26" s="43">
        <v>2615</v>
      </c>
      <c r="AG26" s="45">
        <v>20.75</v>
      </c>
    </row>
    <row r="27" spans="1:33" ht="18.75" customHeight="1" x14ac:dyDescent="0.15">
      <c r="A27" s="46">
        <v>22</v>
      </c>
      <c r="B27" s="29" t="s">
        <v>54</v>
      </c>
      <c r="C27" s="30">
        <v>9203</v>
      </c>
      <c r="D27" s="31">
        <v>145</v>
      </c>
      <c r="E27" s="41">
        <v>1.58</v>
      </c>
      <c r="F27" s="31">
        <v>172</v>
      </c>
      <c r="G27" s="41">
        <v>1.87</v>
      </c>
      <c r="H27" s="31">
        <v>205</v>
      </c>
      <c r="I27" s="41">
        <v>2.23</v>
      </c>
      <c r="J27" s="42">
        <v>232</v>
      </c>
      <c r="K27" s="34">
        <v>2.52</v>
      </c>
      <c r="L27" s="43">
        <v>217</v>
      </c>
      <c r="M27" s="34">
        <v>2.36</v>
      </c>
      <c r="N27" s="43">
        <v>234</v>
      </c>
      <c r="O27" s="36">
        <v>2.54</v>
      </c>
      <c r="P27" s="44">
        <v>342</v>
      </c>
      <c r="Q27" s="34">
        <v>3.72</v>
      </c>
      <c r="R27" s="43">
        <v>373</v>
      </c>
      <c r="S27" s="34">
        <v>4.05</v>
      </c>
      <c r="T27" s="31">
        <v>478</v>
      </c>
      <c r="U27" s="41">
        <v>5.19</v>
      </c>
      <c r="V27" s="43">
        <v>521</v>
      </c>
      <c r="W27" s="41">
        <v>5.66</v>
      </c>
      <c r="X27" s="43">
        <v>456</v>
      </c>
      <c r="Y27" s="41">
        <v>4.95</v>
      </c>
      <c r="Z27" s="31">
        <v>493</v>
      </c>
      <c r="AA27" s="66">
        <v>5.36</v>
      </c>
      <c r="AB27" s="43">
        <v>1014</v>
      </c>
      <c r="AC27" s="41">
        <v>11.02</v>
      </c>
      <c r="AD27" s="42">
        <v>2247</v>
      </c>
      <c r="AE27" s="41">
        <v>24.42</v>
      </c>
      <c r="AF27" s="43">
        <v>2074</v>
      </c>
      <c r="AG27" s="45">
        <v>22.54</v>
      </c>
    </row>
    <row r="28" spans="1:33" ht="18.75" customHeight="1" x14ac:dyDescent="0.15">
      <c r="A28" s="46">
        <v>23</v>
      </c>
      <c r="B28" s="29" t="s">
        <v>55</v>
      </c>
      <c r="C28" s="30">
        <v>7579</v>
      </c>
      <c r="D28" s="31">
        <v>93</v>
      </c>
      <c r="E28" s="41">
        <v>1.23</v>
      </c>
      <c r="F28" s="31">
        <v>134</v>
      </c>
      <c r="G28" s="41">
        <v>1.77</v>
      </c>
      <c r="H28" s="31">
        <v>161</v>
      </c>
      <c r="I28" s="41">
        <v>2.12</v>
      </c>
      <c r="J28" s="42">
        <v>181</v>
      </c>
      <c r="K28" s="34">
        <v>2.39</v>
      </c>
      <c r="L28" s="43">
        <v>197</v>
      </c>
      <c r="M28" s="34">
        <v>2.6</v>
      </c>
      <c r="N28" s="43">
        <v>199</v>
      </c>
      <c r="O28" s="36">
        <v>2.63</v>
      </c>
      <c r="P28" s="44">
        <v>213</v>
      </c>
      <c r="Q28" s="34">
        <v>2.81</v>
      </c>
      <c r="R28" s="43">
        <v>325</v>
      </c>
      <c r="S28" s="34">
        <v>4.29</v>
      </c>
      <c r="T28" s="31">
        <v>412</v>
      </c>
      <c r="U28" s="41">
        <v>5.44</v>
      </c>
      <c r="V28" s="43">
        <v>428</v>
      </c>
      <c r="W28" s="41">
        <v>5.65</v>
      </c>
      <c r="X28" s="43">
        <v>333</v>
      </c>
      <c r="Y28" s="41">
        <v>4.3899999999999997</v>
      </c>
      <c r="Z28" s="31">
        <v>406</v>
      </c>
      <c r="AA28" s="66">
        <v>5.36</v>
      </c>
      <c r="AB28" s="43">
        <v>819</v>
      </c>
      <c r="AC28" s="41">
        <v>10.81</v>
      </c>
      <c r="AD28" s="42">
        <v>1859</v>
      </c>
      <c r="AE28" s="41">
        <v>24.53</v>
      </c>
      <c r="AF28" s="43">
        <v>1819</v>
      </c>
      <c r="AG28" s="45">
        <v>24</v>
      </c>
    </row>
    <row r="29" spans="1:33" ht="18.75" customHeight="1" x14ac:dyDescent="0.15">
      <c r="A29" s="46">
        <v>24</v>
      </c>
      <c r="B29" s="29" t="s">
        <v>56</v>
      </c>
      <c r="C29" s="30">
        <v>2882</v>
      </c>
      <c r="D29" s="31">
        <v>33</v>
      </c>
      <c r="E29" s="41">
        <v>1.1499999999999999</v>
      </c>
      <c r="F29" s="31">
        <v>49</v>
      </c>
      <c r="G29" s="41">
        <v>1.7</v>
      </c>
      <c r="H29" s="31">
        <v>75</v>
      </c>
      <c r="I29" s="41">
        <v>2.6</v>
      </c>
      <c r="J29" s="42">
        <v>79</v>
      </c>
      <c r="K29" s="34">
        <v>2.74</v>
      </c>
      <c r="L29" s="43">
        <v>61</v>
      </c>
      <c r="M29" s="34">
        <v>2.12</v>
      </c>
      <c r="N29" s="43">
        <v>78</v>
      </c>
      <c r="O29" s="36">
        <v>2.71</v>
      </c>
      <c r="P29" s="44">
        <v>98</v>
      </c>
      <c r="Q29" s="34">
        <v>3.4</v>
      </c>
      <c r="R29" s="43">
        <v>114</v>
      </c>
      <c r="S29" s="34">
        <v>3.96</v>
      </c>
      <c r="T29" s="31">
        <v>156</v>
      </c>
      <c r="U29" s="41">
        <v>5.41</v>
      </c>
      <c r="V29" s="43">
        <v>143</v>
      </c>
      <c r="W29" s="41">
        <v>4.96</v>
      </c>
      <c r="X29" s="43">
        <v>126</v>
      </c>
      <c r="Y29" s="41">
        <v>4.37</v>
      </c>
      <c r="Z29" s="31">
        <v>146</v>
      </c>
      <c r="AA29" s="66">
        <v>5.07</v>
      </c>
      <c r="AB29" s="43">
        <v>336</v>
      </c>
      <c r="AC29" s="41">
        <v>11.66</v>
      </c>
      <c r="AD29" s="42">
        <v>767</v>
      </c>
      <c r="AE29" s="41">
        <v>26.61</v>
      </c>
      <c r="AF29" s="43">
        <v>621</v>
      </c>
      <c r="AG29" s="45">
        <v>21.55</v>
      </c>
    </row>
    <row r="30" spans="1:33" ht="18.75" customHeight="1" x14ac:dyDescent="0.15">
      <c r="A30" s="46">
        <v>25</v>
      </c>
      <c r="B30" s="29" t="s">
        <v>57</v>
      </c>
      <c r="C30" s="30">
        <v>4415</v>
      </c>
      <c r="D30" s="31">
        <v>78</v>
      </c>
      <c r="E30" s="41">
        <v>1.77</v>
      </c>
      <c r="F30" s="31">
        <v>124</v>
      </c>
      <c r="G30" s="41">
        <v>2.81</v>
      </c>
      <c r="H30" s="31">
        <v>133</v>
      </c>
      <c r="I30" s="41">
        <v>3.01</v>
      </c>
      <c r="J30" s="42">
        <v>155</v>
      </c>
      <c r="K30" s="34">
        <v>3.51</v>
      </c>
      <c r="L30" s="43">
        <v>132</v>
      </c>
      <c r="M30" s="34">
        <v>2.99</v>
      </c>
      <c r="N30" s="43">
        <v>125</v>
      </c>
      <c r="O30" s="36">
        <v>2.83</v>
      </c>
      <c r="P30" s="44">
        <v>171</v>
      </c>
      <c r="Q30" s="34">
        <v>3.87</v>
      </c>
      <c r="R30" s="43">
        <v>187</v>
      </c>
      <c r="S30" s="34">
        <v>4.24</v>
      </c>
      <c r="T30" s="31">
        <v>282</v>
      </c>
      <c r="U30" s="41">
        <v>6.39</v>
      </c>
      <c r="V30" s="43">
        <v>240</v>
      </c>
      <c r="W30" s="41">
        <v>5.44</v>
      </c>
      <c r="X30" s="43">
        <v>195</v>
      </c>
      <c r="Y30" s="41">
        <v>4.42</v>
      </c>
      <c r="Z30" s="31">
        <v>191</v>
      </c>
      <c r="AA30" s="66">
        <v>4.33</v>
      </c>
      <c r="AB30" s="43">
        <v>502</v>
      </c>
      <c r="AC30" s="41">
        <v>11.37</v>
      </c>
      <c r="AD30" s="42">
        <v>1016</v>
      </c>
      <c r="AE30" s="41">
        <v>23.01</v>
      </c>
      <c r="AF30" s="43">
        <v>884</v>
      </c>
      <c r="AG30" s="45">
        <v>20.02</v>
      </c>
    </row>
    <row r="31" spans="1:33" ht="18.75" customHeight="1" x14ac:dyDescent="0.15">
      <c r="A31" s="46">
        <v>26</v>
      </c>
      <c r="B31" s="29" t="s">
        <v>58</v>
      </c>
      <c r="C31" s="30">
        <v>2964</v>
      </c>
      <c r="D31" s="31">
        <v>29</v>
      </c>
      <c r="E31" s="41">
        <v>0.98</v>
      </c>
      <c r="F31" s="31">
        <v>44</v>
      </c>
      <c r="G31" s="41">
        <v>1.48</v>
      </c>
      <c r="H31" s="31">
        <v>56</v>
      </c>
      <c r="I31" s="41">
        <v>1.89</v>
      </c>
      <c r="J31" s="42">
        <v>67</v>
      </c>
      <c r="K31" s="34">
        <v>2.2599999999999998</v>
      </c>
      <c r="L31" s="43">
        <v>78</v>
      </c>
      <c r="M31" s="34">
        <v>2.63</v>
      </c>
      <c r="N31" s="43">
        <v>85</v>
      </c>
      <c r="O31" s="36">
        <v>2.87</v>
      </c>
      <c r="P31" s="44">
        <v>91</v>
      </c>
      <c r="Q31" s="34">
        <v>3.07</v>
      </c>
      <c r="R31" s="43">
        <v>100</v>
      </c>
      <c r="S31" s="34">
        <v>3.37</v>
      </c>
      <c r="T31" s="31">
        <v>133</v>
      </c>
      <c r="U31" s="41">
        <v>4.49</v>
      </c>
      <c r="V31" s="43">
        <v>183</v>
      </c>
      <c r="W31" s="41">
        <v>6.17</v>
      </c>
      <c r="X31" s="43">
        <v>144</v>
      </c>
      <c r="Y31" s="41">
        <v>4.8600000000000003</v>
      </c>
      <c r="Z31" s="31">
        <v>176</v>
      </c>
      <c r="AA31" s="66">
        <v>5.94</v>
      </c>
      <c r="AB31" s="43">
        <v>391</v>
      </c>
      <c r="AC31" s="41">
        <v>13.19</v>
      </c>
      <c r="AD31" s="42">
        <v>741</v>
      </c>
      <c r="AE31" s="41">
        <v>25</v>
      </c>
      <c r="AF31" s="43">
        <v>646</v>
      </c>
      <c r="AG31" s="45">
        <v>21.79</v>
      </c>
    </row>
    <row r="32" spans="1:33" ht="18.75" customHeight="1" x14ac:dyDescent="0.15">
      <c r="A32" s="46">
        <v>27</v>
      </c>
      <c r="B32" s="29" t="s">
        <v>59</v>
      </c>
      <c r="C32" s="30">
        <v>3118</v>
      </c>
      <c r="D32" s="31">
        <v>37</v>
      </c>
      <c r="E32" s="41">
        <v>1.19</v>
      </c>
      <c r="F32" s="31">
        <v>35</v>
      </c>
      <c r="G32" s="41">
        <v>1.1200000000000001</v>
      </c>
      <c r="H32" s="31">
        <v>62</v>
      </c>
      <c r="I32" s="41">
        <v>1.99</v>
      </c>
      <c r="J32" s="42">
        <v>70</v>
      </c>
      <c r="K32" s="34">
        <v>2.25</v>
      </c>
      <c r="L32" s="43">
        <v>70</v>
      </c>
      <c r="M32" s="34">
        <v>2.25</v>
      </c>
      <c r="N32" s="43">
        <v>65</v>
      </c>
      <c r="O32" s="36">
        <v>2.08</v>
      </c>
      <c r="P32" s="44">
        <v>82</v>
      </c>
      <c r="Q32" s="34">
        <v>2.63</v>
      </c>
      <c r="R32" s="43">
        <v>105</v>
      </c>
      <c r="S32" s="34">
        <v>3.37</v>
      </c>
      <c r="T32" s="31">
        <v>118</v>
      </c>
      <c r="U32" s="41">
        <v>3.78</v>
      </c>
      <c r="V32" s="43">
        <v>137</v>
      </c>
      <c r="W32" s="41">
        <v>4.3899999999999997</v>
      </c>
      <c r="X32" s="43">
        <v>145</v>
      </c>
      <c r="Y32" s="41">
        <v>4.6500000000000004</v>
      </c>
      <c r="Z32" s="31">
        <v>182</v>
      </c>
      <c r="AA32" s="66">
        <v>5.84</v>
      </c>
      <c r="AB32" s="43">
        <v>483</v>
      </c>
      <c r="AC32" s="41">
        <v>15.49</v>
      </c>
      <c r="AD32" s="42">
        <v>889</v>
      </c>
      <c r="AE32" s="41">
        <v>28.51</v>
      </c>
      <c r="AF32" s="43">
        <v>638</v>
      </c>
      <c r="AG32" s="45">
        <v>20.46</v>
      </c>
    </row>
    <row r="33" spans="1:33" ht="18.75" customHeight="1" x14ac:dyDescent="0.15">
      <c r="A33" s="46">
        <v>28</v>
      </c>
      <c r="B33" s="29" t="s">
        <v>60</v>
      </c>
      <c r="C33" s="30">
        <v>3715</v>
      </c>
      <c r="D33" s="31">
        <v>69</v>
      </c>
      <c r="E33" s="41">
        <v>1.86</v>
      </c>
      <c r="F33" s="31">
        <v>95</v>
      </c>
      <c r="G33" s="41">
        <v>2.56</v>
      </c>
      <c r="H33" s="31">
        <v>95</v>
      </c>
      <c r="I33" s="41">
        <v>2.56</v>
      </c>
      <c r="J33" s="42">
        <v>101</v>
      </c>
      <c r="K33" s="34">
        <v>2.72</v>
      </c>
      <c r="L33" s="43">
        <v>112</v>
      </c>
      <c r="M33" s="34">
        <v>3.01</v>
      </c>
      <c r="N33" s="43">
        <v>102</v>
      </c>
      <c r="O33" s="36">
        <v>2.75</v>
      </c>
      <c r="P33" s="44">
        <v>136</v>
      </c>
      <c r="Q33" s="34">
        <v>3.66</v>
      </c>
      <c r="R33" s="43">
        <v>161</v>
      </c>
      <c r="S33" s="34">
        <v>4.33</v>
      </c>
      <c r="T33" s="31">
        <v>190</v>
      </c>
      <c r="U33" s="41">
        <v>5.1100000000000003</v>
      </c>
      <c r="V33" s="43">
        <v>218</v>
      </c>
      <c r="W33" s="41">
        <v>5.87</v>
      </c>
      <c r="X33" s="43">
        <v>162</v>
      </c>
      <c r="Y33" s="41">
        <v>4.3600000000000003</v>
      </c>
      <c r="Z33" s="31">
        <v>182</v>
      </c>
      <c r="AA33" s="66">
        <v>4.9000000000000004</v>
      </c>
      <c r="AB33" s="43">
        <v>439</v>
      </c>
      <c r="AC33" s="41">
        <v>11.82</v>
      </c>
      <c r="AD33" s="42">
        <v>828</v>
      </c>
      <c r="AE33" s="41">
        <v>22.29</v>
      </c>
      <c r="AF33" s="43">
        <v>825</v>
      </c>
      <c r="AG33" s="45">
        <v>22.21</v>
      </c>
    </row>
    <row r="34" spans="1:33" ht="18.75" customHeight="1" x14ac:dyDescent="0.15">
      <c r="A34" s="46">
        <v>29</v>
      </c>
      <c r="B34" s="29" t="s">
        <v>61</v>
      </c>
      <c r="C34" s="30">
        <v>3524</v>
      </c>
      <c r="D34" s="31">
        <v>54</v>
      </c>
      <c r="E34" s="41">
        <v>1.53</v>
      </c>
      <c r="F34" s="31">
        <v>72</v>
      </c>
      <c r="G34" s="41">
        <v>2.04</v>
      </c>
      <c r="H34" s="31">
        <v>73</v>
      </c>
      <c r="I34" s="41">
        <v>2.0699999999999998</v>
      </c>
      <c r="J34" s="42">
        <v>80</v>
      </c>
      <c r="K34" s="34">
        <v>2.27</v>
      </c>
      <c r="L34" s="43">
        <v>123</v>
      </c>
      <c r="M34" s="34">
        <v>3.49</v>
      </c>
      <c r="N34" s="43">
        <v>113</v>
      </c>
      <c r="O34" s="36">
        <v>3.21</v>
      </c>
      <c r="P34" s="44">
        <v>126</v>
      </c>
      <c r="Q34" s="34">
        <v>3.58</v>
      </c>
      <c r="R34" s="43">
        <v>146</v>
      </c>
      <c r="S34" s="34">
        <v>4.1399999999999997</v>
      </c>
      <c r="T34" s="31">
        <v>142</v>
      </c>
      <c r="U34" s="41">
        <v>4.03</v>
      </c>
      <c r="V34" s="43">
        <v>193</v>
      </c>
      <c r="W34" s="41">
        <v>5.48</v>
      </c>
      <c r="X34" s="43">
        <v>194</v>
      </c>
      <c r="Y34" s="41">
        <v>5.51</v>
      </c>
      <c r="Z34" s="31">
        <v>247</v>
      </c>
      <c r="AA34" s="66">
        <v>7.01</v>
      </c>
      <c r="AB34" s="43">
        <v>379</v>
      </c>
      <c r="AC34" s="41">
        <v>10.75</v>
      </c>
      <c r="AD34" s="42">
        <v>857</v>
      </c>
      <c r="AE34" s="41">
        <v>24.32</v>
      </c>
      <c r="AF34" s="43">
        <v>725</v>
      </c>
      <c r="AG34" s="45">
        <v>20.57</v>
      </c>
    </row>
    <row r="35" spans="1:33" ht="18.75" customHeight="1" x14ac:dyDescent="0.15">
      <c r="A35" s="46">
        <v>30</v>
      </c>
      <c r="B35" s="29" t="s">
        <v>62</v>
      </c>
      <c r="C35" s="30">
        <v>2610</v>
      </c>
      <c r="D35" s="31">
        <v>53</v>
      </c>
      <c r="E35" s="41">
        <v>2.0299999999999998</v>
      </c>
      <c r="F35" s="31">
        <v>56</v>
      </c>
      <c r="G35" s="41">
        <v>2.15</v>
      </c>
      <c r="H35" s="31">
        <v>58</v>
      </c>
      <c r="I35" s="41">
        <v>2.2200000000000002</v>
      </c>
      <c r="J35" s="42">
        <v>63</v>
      </c>
      <c r="K35" s="34">
        <v>2.41</v>
      </c>
      <c r="L35" s="43">
        <v>75</v>
      </c>
      <c r="M35" s="34">
        <v>2.87</v>
      </c>
      <c r="N35" s="43">
        <v>56</v>
      </c>
      <c r="O35" s="36">
        <v>2.15</v>
      </c>
      <c r="P35" s="44">
        <v>86</v>
      </c>
      <c r="Q35" s="34">
        <v>3.3</v>
      </c>
      <c r="R35" s="43">
        <v>99</v>
      </c>
      <c r="S35" s="34">
        <v>3.79</v>
      </c>
      <c r="T35" s="31">
        <v>123</v>
      </c>
      <c r="U35" s="41">
        <v>4.71</v>
      </c>
      <c r="V35" s="43">
        <v>140</v>
      </c>
      <c r="W35" s="41">
        <v>5.36</v>
      </c>
      <c r="X35" s="43">
        <v>165</v>
      </c>
      <c r="Y35" s="41">
        <v>6.32</v>
      </c>
      <c r="Z35" s="31">
        <v>152</v>
      </c>
      <c r="AA35" s="66">
        <v>5.82</v>
      </c>
      <c r="AB35" s="43">
        <v>314</v>
      </c>
      <c r="AC35" s="41">
        <v>12.03</v>
      </c>
      <c r="AD35" s="42">
        <v>615</v>
      </c>
      <c r="AE35" s="41">
        <v>23.56</v>
      </c>
      <c r="AF35" s="43">
        <v>555</v>
      </c>
      <c r="AG35" s="45">
        <v>21.26</v>
      </c>
    </row>
    <row r="36" spans="1:33" ht="18.75" customHeight="1" x14ac:dyDescent="0.15">
      <c r="A36" s="46">
        <v>31</v>
      </c>
      <c r="B36" s="29" t="s">
        <v>63</v>
      </c>
      <c r="C36" s="30">
        <v>8238</v>
      </c>
      <c r="D36" s="31">
        <v>147</v>
      </c>
      <c r="E36" s="41">
        <v>1.78</v>
      </c>
      <c r="F36" s="31">
        <v>186</v>
      </c>
      <c r="G36" s="41">
        <v>2.2599999999999998</v>
      </c>
      <c r="H36" s="31">
        <v>210</v>
      </c>
      <c r="I36" s="41">
        <v>2.5499999999999998</v>
      </c>
      <c r="J36" s="42">
        <v>259</v>
      </c>
      <c r="K36" s="34">
        <v>3.14</v>
      </c>
      <c r="L36" s="43">
        <v>212</v>
      </c>
      <c r="M36" s="34">
        <v>2.57</v>
      </c>
      <c r="N36" s="43">
        <v>172</v>
      </c>
      <c r="O36" s="36">
        <v>2.09</v>
      </c>
      <c r="P36" s="44">
        <v>263</v>
      </c>
      <c r="Q36" s="34">
        <v>3.19</v>
      </c>
      <c r="R36" s="43">
        <v>309</v>
      </c>
      <c r="S36" s="34">
        <v>3.75</v>
      </c>
      <c r="T36" s="31">
        <v>410</v>
      </c>
      <c r="U36" s="41">
        <v>4.9800000000000004</v>
      </c>
      <c r="V36" s="43">
        <v>484</v>
      </c>
      <c r="W36" s="41">
        <v>5.88</v>
      </c>
      <c r="X36" s="43">
        <v>455</v>
      </c>
      <c r="Y36" s="41">
        <v>5.52</v>
      </c>
      <c r="Z36" s="31">
        <v>504</v>
      </c>
      <c r="AA36" s="66">
        <v>6.12</v>
      </c>
      <c r="AB36" s="43">
        <v>919</v>
      </c>
      <c r="AC36" s="41">
        <v>11.16</v>
      </c>
      <c r="AD36" s="42">
        <v>1874</v>
      </c>
      <c r="AE36" s="41">
        <v>22.75</v>
      </c>
      <c r="AF36" s="43">
        <v>1834</v>
      </c>
      <c r="AG36" s="45">
        <v>22.26</v>
      </c>
    </row>
    <row r="37" spans="1:33" ht="18.75" customHeight="1" x14ac:dyDescent="0.15">
      <c r="A37" s="46">
        <v>32</v>
      </c>
      <c r="B37" s="29" t="s">
        <v>64</v>
      </c>
      <c r="C37" s="30">
        <v>12964</v>
      </c>
      <c r="D37" s="31">
        <v>300</v>
      </c>
      <c r="E37" s="41">
        <v>2.31</v>
      </c>
      <c r="F37" s="31">
        <v>380</v>
      </c>
      <c r="G37" s="41">
        <v>2.93</v>
      </c>
      <c r="H37" s="31">
        <v>422</v>
      </c>
      <c r="I37" s="41">
        <v>3.26</v>
      </c>
      <c r="J37" s="42">
        <v>480</v>
      </c>
      <c r="K37" s="34">
        <v>3.7</v>
      </c>
      <c r="L37" s="43">
        <v>382</v>
      </c>
      <c r="M37" s="34">
        <v>2.95</v>
      </c>
      <c r="N37" s="43">
        <v>421</v>
      </c>
      <c r="O37" s="36">
        <v>3.25</v>
      </c>
      <c r="P37" s="44">
        <v>486</v>
      </c>
      <c r="Q37" s="34">
        <v>3.75</v>
      </c>
      <c r="R37" s="43">
        <v>593</v>
      </c>
      <c r="S37" s="34">
        <v>4.57</v>
      </c>
      <c r="T37" s="31">
        <v>736</v>
      </c>
      <c r="U37" s="41">
        <v>5.68</v>
      </c>
      <c r="V37" s="43">
        <v>801</v>
      </c>
      <c r="W37" s="41">
        <v>6.18</v>
      </c>
      <c r="X37" s="43">
        <v>608</v>
      </c>
      <c r="Y37" s="41">
        <v>4.6900000000000004</v>
      </c>
      <c r="Z37" s="31">
        <v>674</v>
      </c>
      <c r="AA37" s="66">
        <v>5.2</v>
      </c>
      <c r="AB37" s="43">
        <v>1457</v>
      </c>
      <c r="AC37" s="41">
        <v>11.24</v>
      </c>
      <c r="AD37" s="42">
        <v>2959</v>
      </c>
      <c r="AE37" s="41">
        <v>22.82</v>
      </c>
      <c r="AF37" s="43">
        <v>2265</v>
      </c>
      <c r="AG37" s="45">
        <v>17.47</v>
      </c>
    </row>
    <row r="38" spans="1:33" ht="18.75" customHeight="1" thickBot="1" x14ac:dyDescent="0.2">
      <c r="A38" s="46">
        <v>33</v>
      </c>
      <c r="B38" s="29" t="s">
        <v>65</v>
      </c>
      <c r="C38" s="30">
        <v>968</v>
      </c>
      <c r="D38" s="31">
        <v>17</v>
      </c>
      <c r="E38" s="41">
        <v>1.76</v>
      </c>
      <c r="F38" s="31">
        <v>10</v>
      </c>
      <c r="G38" s="41">
        <v>1.03</v>
      </c>
      <c r="H38" s="31">
        <v>14</v>
      </c>
      <c r="I38" s="41">
        <v>1.45</v>
      </c>
      <c r="J38" s="42">
        <v>23</v>
      </c>
      <c r="K38" s="34">
        <v>2.38</v>
      </c>
      <c r="L38" s="43">
        <v>30</v>
      </c>
      <c r="M38" s="34">
        <v>3.1</v>
      </c>
      <c r="N38" s="43">
        <v>29</v>
      </c>
      <c r="O38" s="36">
        <v>3</v>
      </c>
      <c r="P38" s="44">
        <v>34</v>
      </c>
      <c r="Q38" s="34">
        <v>3.51</v>
      </c>
      <c r="R38" s="43">
        <v>36</v>
      </c>
      <c r="S38" s="34">
        <v>3.72</v>
      </c>
      <c r="T38" s="31">
        <v>46</v>
      </c>
      <c r="U38" s="41">
        <v>4.75</v>
      </c>
      <c r="V38" s="43">
        <v>57</v>
      </c>
      <c r="W38" s="41">
        <v>5.89</v>
      </c>
      <c r="X38" s="43">
        <v>47</v>
      </c>
      <c r="Y38" s="41">
        <v>4.8600000000000003</v>
      </c>
      <c r="Z38" s="31">
        <v>49</v>
      </c>
      <c r="AA38" s="66">
        <v>5.0599999999999996</v>
      </c>
      <c r="AB38" s="43">
        <v>118</v>
      </c>
      <c r="AC38" s="41">
        <v>12.19</v>
      </c>
      <c r="AD38" s="42">
        <v>261</v>
      </c>
      <c r="AE38" s="41">
        <v>26.96</v>
      </c>
      <c r="AF38" s="43">
        <v>197</v>
      </c>
      <c r="AG38" s="45">
        <v>20.350000000000001</v>
      </c>
    </row>
    <row r="39" spans="1:33" ht="18.75" hidden="1" customHeight="1" x14ac:dyDescent="0.2">
      <c r="A39" s="46">
        <v>34</v>
      </c>
      <c r="B39" s="29" t="s">
        <v>66</v>
      </c>
      <c r="C39" s="30">
        <v>0</v>
      </c>
      <c r="D39" s="31">
        <v>0</v>
      </c>
      <c r="E39" s="41" t="e">
        <v>#DIV/0!</v>
      </c>
      <c r="F39" s="31">
        <v>0</v>
      </c>
      <c r="G39" s="41" t="e">
        <v>#DIV/0!</v>
      </c>
      <c r="H39" s="31">
        <v>0</v>
      </c>
      <c r="I39" s="41" t="e">
        <v>#DIV/0!</v>
      </c>
      <c r="J39" s="42">
        <v>0</v>
      </c>
      <c r="K39" s="34" t="e">
        <v>#DIV/0!</v>
      </c>
      <c r="L39" s="43">
        <v>0</v>
      </c>
      <c r="M39" s="34" t="e">
        <v>#DIV/0!</v>
      </c>
      <c r="N39" s="43">
        <v>0</v>
      </c>
      <c r="O39" s="36" t="e">
        <v>#DIV/0!</v>
      </c>
      <c r="P39" s="44">
        <v>0</v>
      </c>
      <c r="Q39" s="34" t="e">
        <v>#DIV/0!</v>
      </c>
      <c r="R39" s="43">
        <v>0</v>
      </c>
      <c r="S39" s="34" t="e">
        <v>#DIV/0!</v>
      </c>
      <c r="T39" s="31">
        <v>0</v>
      </c>
      <c r="U39" s="41" t="e">
        <v>#DIV/0!</v>
      </c>
      <c r="V39" s="43">
        <v>0</v>
      </c>
      <c r="W39" s="41" t="e">
        <v>#DIV/0!</v>
      </c>
      <c r="X39" s="43">
        <v>0</v>
      </c>
      <c r="Y39" s="41" t="e">
        <v>#DIV/0!</v>
      </c>
      <c r="Z39" s="31">
        <v>0</v>
      </c>
      <c r="AA39" s="66" t="e">
        <v>#DIV/0!</v>
      </c>
      <c r="AB39" s="43">
        <v>0</v>
      </c>
      <c r="AC39" s="41" t="e">
        <v>#DIV/0!</v>
      </c>
      <c r="AD39" s="42">
        <v>0</v>
      </c>
      <c r="AE39" s="41" t="e">
        <v>#DIV/0!</v>
      </c>
      <c r="AF39" s="43">
        <v>0</v>
      </c>
      <c r="AG39" s="45" t="e">
        <v>#DIV/0!</v>
      </c>
    </row>
    <row r="40" spans="1:33" ht="18.75" hidden="1" customHeight="1" thickBot="1" x14ac:dyDescent="0.2">
      <c r="A40" s="67">
        <v>37</v>
      </c>
      <c r="B40" s="48" t="s">
        <v>67</v>
      </c>
      <c r="C40" s="49">
        <v>0</v>
      </c>
      <c r="D40" s="57">
        <v>0</v>
      </c>
      <c r="E40" s="51" t="e">
        <v>#DIV/0!</v>
      </c>
      <c r="F40" s="57">
        <v>0</v>
      </c>
      <c r="G40" s="51" t="e">
        <v>#DIV/0!</v>
      </c>
      <c r="H40" s="57">
        <v>0</v>
      </c>
      <c r="I40" s="51" t="e">
        <v>#DIV/0!</v>
      </c>
      <c r="J40" s="60">
        <v>0</v>
      </c>
      <c r="K40" s="53" t="e">
        <v>#DIV/0!</v>
      </c>
      <c r="L40" s="52">
        <v>0</v>
      </c>
      <c r="M40" s="53" t="e">
        <v>#DIV/0!</v>
      </c>
      <c r="N40" s="52">
        <v>0</v>
      </c>
      <c r="O40" s="54" t="e">
        <v>#DIV/0!</v>
      </c>
      <c r="P40" s="55">
        <v>0</v>
      </c>
      <c r="Q40" s="53" t="e">
        <v>#DIV/0!</v>
      </c>
      <c r="R40" s="52">
        <v>0</v>
      </c>
      <c r="S40" s="53" t="e">
        <v>#DIV/0!</v>
      </c>
      <c r="T40" s="57">
        <v>0</v>
      </c>
      <c r="U40" s="51" t="e">
        <v>#DIV/0!</v>
      </c>
      <c r="V40" s="52">
        <v>0</v>
      </c>
      <c r="W40" s="51" t="e">
        <v>#DIV/0!</v>
      </c>
      <c r="X40" s="52">
        <v>0</v>
      </c>
      <c r="Y40" s="51" t="e">
        <v>#DIV/0!</v>
      </c>
      <c r="Z40" s="57">
        <v>0</v>
      </c>
      <c r="AA40" s="68" t="e">
        <v>#DIV/0!</v>
      </c>
      <c r="AB40" s="52">
        <v>0</v>
      </c>
      <c r="AC40" s="51" t="e">
        <v>#DIV/0!</v>
      </c>
      <c r="AD40" s="60">
        <v>0</v>
      </c>
      <c r="AE40" s="51" t="e">
        <v>#DIV/0!</v>
      </c>
      <c r="AF40" s="52">
        <v>0</v>
      </c>
      <c r="AG40" s="69" t="e">
        <v>#DIV/0!</v>
      </c>
    </row>
    <row r="41" spans="1:33" ht="18.75" customHeight="1" thickTop="1" x14ac:dyDescent="0.15">
      <c r="A41" s="70">
        <v>301</v>
      </c>
      <c r="B41" s="71" t="s">
        <v>68</v>
      </c>
      <c r="C41" s="72">
        <v>13677</v>
      </c>
      <c r="D41" s="73">
        <v>520</v>
      </c>
      <c r="E41" s="74">
        <v>3.8</v>
      </c>
      <c r="F41" s="73">
        <v>922</v>
      </c>
      <c r="G41" s="74">
        <v>6.74</v>
      </c>
      <c r="H41" s="73">
        <v>1186</v>
      </c>
      <c r="I41" s="74">
        <v>8.67</v>
      </c>
      <c r="J41" s="75">
        <v>1543</v>
      </c>
      <c r="K41" s="76">
        <v>11.28</v>
      </c>
      <c r="L41" s="77">
        <v>1589</v>
      </c>
      <c r="M41" s="76">
        <v>11.62</v>
      </c>
      <c r="N41" s="77">
        <v>1639</v>
      </c>
      <c r="O41" s="78">
        <v>11.98</v>
      </c>
      <c r="P41" s="79">
        <v>1234</v>
      </c>
      <c r="Q41" s="76">
        <v>9.02</v>
      </c>
      <c r="R41" s="77">
        <v>724</v>
      </c>
      <c r="S41" s="76">
        <v>5.29</v>
      </c>
      <c r="T41" s="73">
        <v>576</v>
      </c>
      <c r="U41" s="74">
        <v>4.21</v>
      </c>
      <c r="V41" s="77">
        <v>641</v>
      </c>
      <c r="W41" s="74">
        <v>4.6900000000000004</v>
      </c>
      <c r="X41" s="77">
        <v>894</v>
      </c>
      <c r="Y41" s="74">
        <v>6.54</v>
      </c>
      <c r="Z41" s="73">
        <v>809</v>
      </c>
      <c r="AA41" s="80">
        <v>5.92</v>
      </c>
      <c r="AB41" s="77">
        <v>646</v>
      </c>
      <c r="AC41" s="74">
        <v>4.72</v>
      </c>
      <c r="AD41" s="75">
        <v>455</v>
      </c>
      <c r="AE41" s="74">
        <v>3.33</v>
      </c>
      <c r="AF41" s="77">
        <v>299</v>
      </c>
      <c r="AG41" s="81">
        <v>2.19</v>
      </c>
    </row>
    <row r="42" spans="1:33" ht="18.75" customHeight="1" x14ac:dyDescent="0.15">
      <c r="A42" s="46">
        <v>302</v>
      </c>
      <c r="B42" s="29" t="s">
        <v>69</v>
      </c>
      <c r="C42" s="30">
        <v>16763</v>
      </c>
      <c r="D42" s="31">
        <v>496</v>
      </c>
      <c r="E42" s="41">
        <v>2.96</v>
      </c>
      <c r="F42" s="31">
        <v>534</v>
      </c>
      <c r="G42" s="41">
        <v>3.19</v>
      </c>
      <c r="H42" s="31">
        <v>653</v>
      </c>
      <c r="I42" s="41">
        <v>3.9</v>
      </c>
      <c r="J42" s="42">
        <v>871</v>
      </c>
      <c r="K42" s="34">
        <v>5.2</v>
      </c>
      <c r="L42" s="43">
        <v>1689</v>
      </c>
      <c r="M42" s="34">
        <v>10.08</v>
      </c>
      <c r="N42" s="43">
        <v>1769</v>
      </c>
      <c r="O42" s="36">
        <v>10.55</v>
      </c>
      <c r="P42" s="44">
        <v>1505</v>
      </c>
      <c r="Q42" s="34">
        <v>8.98</v>
      </c>
      <c r="R42" s="43">
        <v>1252</v>
      </c>
      <c r="S42" s="34">
        <v>7.47</v>
      </c>
      <c r="T42" s="31">
        <v>1315</v>
      </c>
      <c r="U42" s="41">
        <v>7.84</v>
      </c>
      <c r="V42" s="43">
        <v>1509</v>
      </c>
      <c r="W42" s="41">
        <v>9</v>
      </c>
      <c r="X42" s="43">
        <v>1435</v>
      </c>
      <c r="Y42" s="41">
        <v>8.56</v>
      </c>
      <c r="Z42" s="31">
        <v>1401</v>
      </c>
      <c r="AA42" s="66">
        <v>8.36</v>
      </c>
      <c r="AB42" s="43">
        <v>1081</v>
      </c>
      <c r="AC42" s="41">
        <v>6.45</v>
      </c>
      <c r="AD42" s="42">
        <v>881</v>
      </c>
      <c r="AE42" s="41">
        <v>5.26</v>
      </c>
      <c r="AF42" s="43">
        <v>372</v>
      </c>
      <c r="AG42" s="45">
        <v>2.2200000000000002</v>
      </c>
    </row>
    <row r="43" spans="1:33" ht="18.75" customHeight="1" x14ac:dyDescent="0.15">
      <c r="A43" s="46">
        <v>303</v>
      </c>
      <c r="B43" s="29" t="s">
        <v>70</v>
      </c>
      <c r="C43" s="30">
        <v>18970</v>
      </c>
      <c r="D43" s="31">
        <v>633</v>
      </c>
      <c r="E43" s="41">
        <v>3.34</v>
      </c>
      <c r="F43" s="31">
        <v>696</v>
      </c>
      <c r="G43" s="41">
        <v>3.67</v>
      </c>
      <c r="H43" s="31">
        <v>681</v>
      </c>
      <c r="I43" s="41">
        <v>3.59</v>
      </c>
      <c r="J43" s="42">
        <v>714</v>
      </c>
      <c r="K43" s="34">
        <v>3.76</v>
      </c>
      <c r="L43" s="43">
        <v>802</v>
      </c>
      <c r="M43" s="34">
        <v>4.2300000000000004</v>
      </c>
      <c r="N43" s="43">
        <v>793</v>
      </c>
      <c r="O43" s="36">
        <v>4.18</v>
      </c>
      <c r="P43" s="44">
        <v>1083</v>
      </c>
      <c r="Q43" s="34">
        <v>5.71</v>
      </c>
      <c r="R43" s="43">
        <v>1406</v>
      </c>
      <c r="S43" s="34">
        <v>7.41</v>
      </c>
      <c r="T43" s="31">
        <v>2029</v>
      </c>
      <c r="U43" s="41">
        <v>10.7</v>
      </c>
      <c r="V43" s="43">
        <v>1921</v>
      </c>
      <c r="W43" s="41">
        <v>10.130000000000001</v>
      </c>
      <c r="X43" s="43">
        <v>1474</v>
      </c>
      <c r="Y43" s="41">
        <v>7.77</v>
      </c>
      <c r="Z43" s="31">
        <v>1375</v>
      </c>
      <c r="AA43" s="66">
        <v>7.25</v>
      </c>
      <c r="AB43" s="43">
        <v>1519</v>
      </c>
      <c r="AC43" s="41">
        <v>8.01</v>
      </c>
      <c r="AD43" s="42">
        <v>2225</v>
      </c>
      <c r="AE43" s="41">
        <v>11.73</v>
      </c>
      <c r="AF43" s="43">
        <v>1619</v>
      </c>
      <c r="AG43" s="45">
        <v>8.5299999999999994</v>
      </c>
    </row>
    <row r="44" spans="1:33" ht="18.75" customHeight="1" x14ac:dyDescent="0.15">
      <c r="A44" s="46">
        <v>304</v>
      </c>
      <c r="B44" s="29" t="s">
        <v>71</v>
      </c>
      <c r="C44" s="30">
        <v>4323</v>
      </c>
      <c r="D44" s="31">
        <v>152</v>
      </c>
      <c r="E44" s="41">
        <v>3.52</v>
      </c>
      <c r="F44" s="31">
        <v>172</v>
      </c>
      <c r="G44" s="41">
        <v>3.98</v>
      </c>
      <c r="H44" s="31">
        <v>133</v>
      </c>
      <c r="I44" s="41">
        <v>3.08</v>
      </c>
      <c r="J44" s="42">
        <v>166</v>
      </c>
      <c r="K44" s="34">
        <v>3.84</v>
      </c>
      <c r="L44" s="43">
        <v>204</v>
      </c>
      <c r="M44" s="34">
        <v>4.72</v>
      </c>
      <c r="N44" s="43">
        <v>252</v>
      </c>
      <c r="O44" s="36">
        <v>5.83</v>
      </c>
      <c r="P44" s="44">
        <v>361</v>
      </c>
      <c r="Q44" s="34">
        <v>8.35</v>
      </c>
      <c r="R44" s="43">
        <v>385</v>
      </c>
      <c r="S44" s="34">
        <v>8.91</v>
      </c>
      <c r="T44" s="31">
        <v>451</v>
      </c>
      <c r="U44" s="41">
        <v>10.43</v>
      </c>
      <c r="V44" s="43">
        <v>432</v>
      </c>
      <c r="W44" s="41">
        <v>9.99</v>
      </c>
      <c r="X44" s="43">
        <v>433</v>
      </c>
      <c r="Y44" s="41">
        <v>10.02</v>
      </c>
      <c r="Z44" s="31">
        <v>446</v>
      </c>
      <c r="AA44" s="66">
        <v>10.32</v>
      </c>
      <c r="AB44" s="43">
        <v>288</v>
      </c>
      <c r="AC44" s="41">
        <v>6.66</v>
      </c>
      <c r="AD44" s="42">
        <v>278</v>
      </c>
      <c r="AE44" s="41">
        <v>6.43</v>
      </c>
      <c r="AF44" s="43">
        <v>170</v>
      </c>
      <c r="AG44" s="45">
        <v>3.93</v>
      </c>
    </row>
    <row r="45" spans="1:33" ht="18.75" customHeight="1" x14ac:dyDescent="0.15">
      <c r="A45" s="46">
        <v>305</v>
      </c>
      <c r="B45" s="29" t="s">
        <v>72</v>
      </c>
      <c r="C45" s="30">
        <v>8939</v>
      </c>
      <c r="D45" s="31">
        <v>421</v>
      </c>
      <c r="E45" s="41">
        <v>4.71</v>
      </c>
      <c r="F45" s="31">
        <v>582</v>
      </c>
      <c r="G45" s="41">
        <v>6.51</v>
      </c>
      <c r="H45" s="31">
        <v>606</v>
      </c>
      <c r="I45" s="41">
        <v>6.78</v>
      </c>
      <c r="J45" s="42">
        <v>601</v>
      </c>
      <c r="K45" s="34">
        <v>6.72</v>
      </c>
      <c r="L45" s="43">
        <v>418</v>
      </c>
      <c r="M45" s="34">
        <v>4.68</v>
      </c>
      <c r="N45" s="43">
        <v>275</v>
      </c>
      <c r="O45" s="36">
        <v>3.08</v>
      </c>
      <c r="P45" s="44">
        <v>444</v>
      </c>
      <c r="Q45" s="34">
        <v>4.97</v>
      </c>
      <c r="R45" s="43">
        <v>682</v>
      </c>
      <c r="S45" s="34">
        <v>7.63</v>
      </c>
      <c r="T45" s="31">
        <v>959</v>
      </c>
      <c r="U45" s="41">
        <v>10.73</v>
      </c>
      <c r="V45" s="43">
        <v>989</v>
      </c>
      <c r="W45" s="41">
        <v>11.06</v>
      </c>
      <c r="X45" s="43">
        <v>595</v>
      </c>
      <c r="Y45" s="41">
        <v>6.66</v>
      </c>
      <c r="Z45" s="31">
        <v>567</v>
      </c>
      <c r="AA45" s="66">
        <v>6.34</v>
      </c>
      <c r="AB45" s="43">
        <v>601</v>
      </c>
      <c r="AC45" s="41">
        <v>6.72</v>
      </c>
      <c r="AD45" s="42">
        <v>781</v>
      </c>
      <c r="AE45" s="41">
        <v>8.74</v>
      </c>
      <c r="AF45" s="43">
        <v>418</v>
      </c>
      <c r="AG45" s="45">
        <v>4.68</v>
      </c>
    </row>
    <row r="46" spans="1:33" ht="18.75" customHeight="1" thickBot="1" x14ac:dyDescent="0.2">
      <c r="A46" s="47">
        <v>306</v>
      </c>
      <c r="B46" s="82" t="s">
        <v>73</v>
      </c>
      <c r="C46" s="83">
        <v>82006</v>
      </c>
      <c r="D46" s="84">
        <v>5435</v>
      </c>
      <c r="E46" s="85">
        <v>6.63</v>
      </c>
      <c r="F46" s="84">
        <v>5900</v>
      </c>
      <c r="G46" s="85">
        <v>7.19</v>
      </c>
      <c r="H46" s="84">
        <v>5673</v>
      </c>
      <c r="I46" s="85">
        <v>6.92</v>
      </c>
      <c r="J46" s="86">
        <v>5144</v>
      </c>
      <c r="K46" s="87">
        <v>6.27</v>
      </c>
      <c r="L46" s="88">
        <v>4317</v>
      </c>
      <c r="M46" s="87">
        <v>5.26</v>
      </c>
      <c r="N46" s="88">
        <v>4188</v>
      </c>
      <c r="O46" s="89">
        <v>5.1100000000000003</v>
      </c>
      <c r="P46" s="90">
        <v>5420</v>
      </c>
      <c r="Q46" s="87">
        <v>6.61</v>
      </c>
      <c r="R46" s="88">
        <v>6526</v>
      </c>
      <c r="S46" s="87">
        <v>7.96</v>
      </c>
      <c r="T46" s="84">
        <v>8399</v>
      </c>
      <c r="U46" s="85">
        <v>10.24</v>
      </c>
      <c r="V46" s="88">
        <v>7777</v>
      </c>
      <c r="W46" s="85">
        <v>9.48</v>
      </c>
      <c r="X46" s="88">
        <v>4937</v>
      </c>
      <c r="Y46" s="85">
        <v>6.02</v>
      </c>
      <c r="Z46" s="84">
        <v>3750</v>
      </c>
      <c r="AA46" s="91">
        <v>4.57</v>
      </c>
      <c r="AB46" s="88">
        <v>4633</v>
      </c>
      <c r="AC46" s="85">
        <v>5.65</v>
      </c>
      <c r="AD46" s="86">
        <v>6077</v>
      </c>
      <c r="AE46" s="85">
        <v>7.41</v>
      </c>
      <c r="AF46" s="88">
        <v>3830</v>
      </c>
      <c r="AG46" s="92">
        <v>4.67</v>
      </c>
    </row>
    <row r="47" spans="1:33" ht="18.75" customHeight="1" thickTop="1" thickBot="1" x14ac:dyDescent="0.2">
      <c r="A47" s="129" t="s">
        <v>74</v>
      </c>
      <c r="B47" s="130"/>
      <c r="C47" s="93">
        <v>2142746</v>
      </c>
      <c r="D47" s="94">
        <v>43117</v>
      </c>
      <c r="E47" s="95">
        <v>2.0099999999999998</v>
      </c>
      <c r="F47" s="96">
        <v>48537</v>
      </c>
      <c r="G47" s="97">
        <v>2.27</v>
      </c>
      <c r="H47" s="96">
        <v>52517</v>
      </c>
      <c r="I47" s="97">
        <v>2.4500000000000002</v>
      </c>
      <c r="J47" s="94">
        <v>63159</v>
      </c>
      <c r="K47" s="95">
        <v>2.95</v>
      </c>
      <c r="L47" s="98">
        <v>79726</v>
      </c>
      <c r="M47" s="95">
        <v>3.72</v>
      </c>
      <c r="N47" s="98">
        <v>84375</v>
      </c>
      <c r="O47" s="99">
        <v>3.94</v>
      </c>
      <c r="P47" s="100">
        <v>93250</v>
      </c>
      <c r="Q47" s="95">
        <v>4.3499999999999996</v>
      </c>
      <c r="R47" s="98">
        <v>105446</v>
      </c>
      <c r="S47" s="95">
        <v>4.92</v>
      </c>
      <c r="T47" s="96">
        <v>130400</v>
      </c>
      <c r="U47" s="97">
        <v>6.09</v>
      </c>
      <c r="V47" s="98">
        <v>138815</v>
      </c>
      <c r="W47" s="97">
        <v>6.48</v>
      </c>
      <c r="X47" s="98">
        <v>117016</v>
      </c>
      <c r="Y47" s="97">
        <v>5.46</v>
      </c>
      <c r="Z47" s="96">
        <v>118638</v>
      </c>
      <c r="AA47" s="101">
        <v>5.54</v>
      </c>
      <c r="AB47" s="98">
        <v>206833</v>
      </c>
      <c r="AC47" s="97">
        <v>9.65</v>
      </c>
      <c r="AD47" s="94">
        <v>448351</v>
      </c>
      <c r="AE47" s="97">
        <v>20.92</v>
      </c>
      <c r="AF47" s="98">
        <v>412566</v>
      </c>
      <c r="AG47" s="102">
        <v>19.25</v>
      </c>
    </row>
    <row r="48" spans="1:33" ht="18.75" customHeight="1" thickTop="1" thickBot="1" x14ac:dyDescent="0.2">
      <c r="A48" s="129" t="s">
        <v>75</v>
      </c>
      <c r="B48" s="130"/>
      <c r="C48" s="103">
        <v>144678</v>
      </c>
      <c r="D48" s="104">
        <v>7657</v>
      </c>
      <c r="E48" s="56">
        <v>5.29</v>
      </c>
      <c r="F48" s="105">
        <v>8806</v>
      </c>
      <c r="G48" s="58">
        <v>6.09</v>
      </c>
      <c r="H48" s="105">
        <v>8932</v>
      </c>
      <c r="I48" s="58">
        <v>6.17</v>
      </c>
      <c r="J48" s="104">
        <v>9039</v>
      </c>
      <c r="K48" s="56">
        <v>6.25</v>
      </c>
      <c r="L48" s="106">
        <v>9019</v>
      </c>
      <c r="M48" s="56">
        <v>6.23</v>
      </c>
      <c r="N48" s="106">
        <v>8916</v>
      </c>
      <c r="O48" s="61">
        <v>6.16</v>
      </c>
      <c r="P48" s="107">
        <v>10047</v>
      </c>
      <c r="Q48" s="56">
        <v>6.94</v>
      </c>
      <c r="R48" s="106">
        <v>10975</v>
      </c>
      <c r="S48" s="56">
        <v>7.59</v>
      </c>
      <c r="T48" s="105">
        <v>13729</v>
      </c>
      <c r="U48" s="58">
        <v>9.49</v>
      </c>
      <c r="V48" s="106">
        <v>13269</v>
      </c>
      <c r="W48" s="58">
        <v>9.17</v>
      </c>
      <c r="X48" s="106">
        <v>9768</v>
      </c>
      <c r="Y48" s="58">
        <v>6.75</v>
      </c>
      <c r="Z48" s="105">
        <v>8348</v>
      </c>
      <c r="AA48" s="108">
        <v>5.77</v>
      </c>
      <c r="AB48" s="106">
        <v>8768</v>
      </c>
      <c r="AC48" s="58">
        <v>6.06</v>
      </c>
      <c r="AD48" s="104">
        <v>10697</v>
      </c>
      <c r="AE48" s="58">
        <v>7.39</v>
      </c>
      <c r="AF48" s="106">
        <v>6708</v>
      </c>
      <c r="AG48" s="59">
        <v>4.6399999999999997</v>
      </c>
    </row>
    <row r="49" spans="1:33" ht="18.75" customHeight="1" thickTop="1" thickBot="1" x14ac:dyDescent="0.2">
      <c r="A49" s="131" t="s">
        <v>76</v>
      </c>
      <c r="B49" s="132"/>
      <c r="C49" s="109">
        <v>2287424</v>
      </c>
      <c r="D49" s="110">
        <v>50774</v>
      </c>
      <c r="E49" s="111">
        <v>2.2200000000000002</v>
      </c>
      <c r="F49" s="112">
        <v>57343</v>
      </c>
      <c r="G49" s="113">
        <v>2.5099999999999998</v>
      </c>
      <c r="H49" s="112">
        <v>61449</v>
      </c>
      <c r="I49" s="113">
        <v>2.69</v>
      </c>
      <c r="J49" s="110">
        <v>72198</v>
      </c>
      <c r="K49" s="111">
        <v>3.16</v>
      </c>
      <c r="L49" s="114">
        <v>88745</v>
      </c>
      <c r="M49" s="111">
        <v>3.88</v>
      </c>
      <c r="N49" s="114">
        <v>93291</v>
      </c>
      <c r="O49" s="115">
        <v>4.08</v>
      </c>
      <c r="P49" s="116">
        <v>103297</v>
      </c>
      <c r="Q49" s="111">
        <v>4.5199999999999996</v>
      </c>
      <c r="R49" s="114">
        <v>116421</v>
      </c>
      <c r="S49" s="111">
        <v>5.09</v>
      </c>
      <c r="T49" s="112">
        <v>144129</v>
      </c>
      <c r="U49" s="113">
        <v>6.3</v>
      </c>
      <c r="V49" s="114">
        <v>152084</v>
      </c>
      <c r="W49" s="113">
        <v>6.65</v>
      </c>
      <c r="X49" s="114">
        <v>126784</v>
      </c>
      <c r="Y49" s="113">
        <v>5.54</v>
      </c>
      <c r="Z49" s="112">
        <v>126986</v>
      </c>
      <c r="AA49" s="117">
        <v>5.55</v>
      </c>
      <c r="AB49" s="114">
        <v>215601</v>
      </c>
      <c r="AC49" s="113">
        <v>9.43</v>
      </c>
      <c r="AD49" s="110">
        <v>459048</v>
      </c>
      <c r="AE49" s="113">
        <v>20.07</v>
      </c>
      <c r="AF49" s="114">
        <v>419274</v>
      </c>
      <c r="AG49" s="118">
        <v>18.329999999999998</v>
      </c>
    </row>
    <row r="50" spans="1:33" x14ac:dyDescent="0.15">
      <c r="Q50" s="119"/>
    </row>
    <row r="51" spans="1:33" x14ac:dyDescent="0.15">
      <c r="Q51" s="119"/>
    </row>
    <row r="52" spans="1:33" x14ac:dyDescent="0.15">
      <c r="A52" s="120"/>
      <c r="Q52" s="119"/>
    </row>
    <row r="53" spans="1:33" x14ac:dyDescent="0.15">
      <c r="Q53" s="119"/>
    </row>
    <row r="54" spans="1:33" ht="18" hidden="1" customHeight="1" x14ac:dyDescent="0.15">
      <c r="Q54" s="119"/>
    </row>
    <row r="55" spans="1:33" hidden="1" x14ac:dyDescent="0.15">
      <c r="Q55" s="119"/>
    </row>
    <row r="56" spans="1:33" hidden="1" x14ac:dyDescent="0.15">
      <c r="Q56" s="119"/>
    </row>
    <row r="57" spans="1:33" hidden="1" x14ac:dyDescent="0.15">
      <c r="Q57" s="119"/>
    </row>
    <row r="58" spans="1:33" hidden="1" x14ac:dyDescent="0.15">
      <c r="Q58" s="119"/>
    </row>
    <row r="59" spans="1:33" hidden="1" x14ac:dyDescent="0.15">
      <c r="Q59" s="119"/>
    </row>
    <row r="60" spans="1:33" hidden="1" x14ac:dyDescent="0.15">
      <c r="Q60" s="119"/>
    </row>
    <row r="61" spans="1:33" hidden="1" x14ac:dyDescent="0.15">
      <c r="Q61" s="119"/>
    </row>
    <row r="62" spans="1:33" hidden="1" x14ac:dyDescent="0.15">
      <c r="Q62" s="119"/>
    </row>
    <row r="63" spans="1:33" hidden="1" x14ac:dyDescent="0.15">
      <c r="Q63" s="119"/>
    </row>
    <row r="64" spans="1:33" hidden="1" x14ac:dyDescent="0.15">
      <c r="Q64" s="119"/>
    </row>
    <row r="65" spans="17:17" hidden="1" x14ac:dyDescent="0.15">
      <c r="Q65" s="119"/>
    </row>
    <row r="66" spans="17:17" hidden="1" x14ac:dyDescent="0.15">
      <c r="Q66" s="119"/>
    </row>
    <row r="67" spans="17:17" hidden="1" x14ac:dyDescent="0.15">
      <c r="Q67" s="119"/>
    </row>
    <row r="68" spans="17:17" hidden="1" x14ac:dyDescent="0.15">
      <c r="Q68" s="119"/>
    </row>
    <row r="69" spans="17:17" hidden="1" x14ac:dyDescent="0.15">
      <c r="Q69" s="119"/>
    </row>
    <row r="70" spans="17:17" hidden="1" x14ac:dyDescent="0.15">
      <c r="Q70" s="119"/>
    </row>
    <row r="71" spans="17:17" hidden="1" x14ac:dyDescent="0.15">
      <c r="Q71" s="119"/>
    </row>
    <row r="72" spans="17:17" hidden="1" x14ac:dyDescent="0.15">
      <c r="Q72" s="119"/>
    </row>
    <row r="73" spans="17:17" hidden="1" x14ac:dyDescent="0.15">
      <c r="Q73" s="119"/>
    </row>
    <row r="74" spans="17:17" hidden="1" x14ac:dyDescent="0.15">
      <c r="Q74" s="119"/>
    </row>
    <row r="75" spans="17:17" hidden="1" x14ac:dyDescent="0.15">
      <c r="Q75" s="119"/>
    </row>
    <row r="76" spans="17:17" hidden="1" x14ac:dyDescent="0.15">
      <c r="Q76" s="119"/>
    </row>
    <row r="77" spans="17:17" hidden="1" x14ac:dyDescent="0.15">
      <c r="Q77" s="119"/>
    </row>
    <row r="78" spans="17:17" hidden="1" x14ac:dyDescent="0.15">
      <c r="Q78" s="119"/>
    </row>
    <row r="79" spans="17:17" hidden="1" x14ac:dyDescent="0.15">
      <c r="Q79" s="119"/>
    </row>
    <row r="80" spans="17:17" hidden="1" x14ac:dyDescent="0.15">
      <c r="Q80" s="119"/>
    </row>
    <row r="81" spans="17:17" hidden="1" x14ac:dyDescent="0.15">
      <c r="Q81" s="119"/>
    </row>
    <row r="82" spans="17:17" hidden="1" x14ac:dyDescent="0.15">
      <c r="Q82" s="119"/>
    </row>
    <row r="83" spans="17:17" hidden="1" x14ac:dyDescent="0.15">
      <c r="Q83" s="119"/>
    </row>
    <row r="84" spans="17:17" hidden="1" x14ac:dyDescent="0.15">
      <c r="Q84" s="119"/>
    </row>
    <row r="85" spans="17:17" hidden="1" x14ac:dyDescent="0.15">
      <c r="Q85" s="119"/>
    </row>
    <row r="86" spans="17:17" hidden="1" x14ac:dyDescent="0.15">
      <c r="Q86" s="119"/>
    </row>
    <row r="87" spans="17:17" hidden="1" x14ac:dyDescent="0.15">
      <c r="Q87" s="119"/>
    </row>
    <row r="88" spans="17:17" hidden="1" x14ac:dyDescent="0.15">
      <c r="Q88" s="119"/>
    </row>
    <row r="89" spans="17:17" hidden="1" x14ac:dyDescent="0.15">
      <c r="Q89" s="119"/>
    </row>
    <row r="90" spans="17:17" hidden="1" x14ac:dyDescent="0.15">
      <c r="Q90" s="119"/>
    </row>
    <row r="91" spans="17:17" hidden="1" x14ac:dyDescent="0.15">
      <c r="Q91" s="119"/>
    </row>
    <row r="92" spans="17:17" hidden="1" x14ac:dyDescent="0.15">
      <c r="Q92" s="119"/>
    </row>
    <row r="93" spans="17:17" hidden="1" x14ac:dyDescent="0.15">
      <c r="Q93" s="119"/>
    </row>
    <row r="94" spans="17:17" hidden="1" x14ac:dyDescent="0.15">
      <c r="Q94" s="119"/>
    </row>
    <row r="95" spans="17:17" hidden="1" x14ac:dyDescent="0.15">
      <c r="Q95" s="119"/>
    </row>
    <row r="96" spans="17:17" hidden="1" x14ac:dyDescent="0.15">
      <c r="Q96" s="119"/>
    </row>
    <row r="97" spans="1:17" hidden="1" x14ac:dyDescent="0.15">
      <c r="Q97" s="119"/>
    </row>
    <row r="98" spans="1:17" x14ac:dyDescent="0.15">
      <c r="Q98" s="119"/>
    </row>
    <row r="99" spans="1:17" x14ac:dyDescent="0.15">
      <c r="Q99" s="119"/>
    </row>
    <row r="100" spans="1:17" x14ac:dyDescent="0.15">
      <c r="Q100" s="119"/>
    </row>
    <row r="101" spans="1:17" x14ac:dyDescent="0.15">
      <c r="Q101" s="119"/>
    </row>
    <row r="102" spans="1:17" x14ac:dyDescent="0.15">
      <c r="A102" s="120"/>
      <c r="Q102" s="119"/>
    </row>
    <row r="103" spans="1:17" x14ac:dyDescent="0.15">
      <c r="Q103" s="119"/>
    </row>
    <row r="104" spans="1:17" x14ac:dyDescent="0.15">
      <c r="Q104" s="119"/>
    </row>
    <row r="105" spans="1:17" x14ac:dyDescent="0.15">
      <c r="Q105" s="119"/>
    </row>
    <row r="106" spans="1:17" x14ac:dyDescent="0.15">
      <c r="Q106" s="119"/>
    </row>
    <row r="107" spans="1:17" x14ac:dyDescent="0.15">
      <c r="Q107" s="119"/>
    </row>
    <row r="108" spans="1:17" x14ac:dyDescent="0.15">
      <c r="Q108" s="119"/>
    </row>
    <row r="109" spans="1:17" x14ac:dyDescent="0.15">
      <c r="Q109" s="119"/>
    </row>
    <row r="110" spans="1:17" x14ac:dyDescent="0.15">
      <c r="Q110" s="119"/>
    </row>
    <row r="111" spans="1:17" x14ac:dyDescent="0.15">
      <c r="Q111" s="119"/>
    </row>
    <row r="112" spans="1:17" x14ac:dyDescent="0.15">
      <c r="Q112" s="119"/>
    </row>
    <row r="113" spans="17:17" x14ac:dyDescent="0.15">
      <c r="Q113" s="119"/>
    </row>
    <row r="114" spans="17:17" x14ac:dyDescent="0.15">
      <c r="Q114" s="119"/>
    </row>
    <row r="115" spans="17:17" x14ac:dyDescent="0.15">
      <c r="Q115" s="119"/>
    </row>
    <row r="116" spans="17:17" x14ac:dyDescent="0.15">
      <c r="Q116" s="119"/>
    </row>
    <row r="117" spans="17:17" x14ac:dyDescent="0.15">
      <c r="Q117" s="119"/>
    </row>
    <row r="118" spans="17:17" x14ac:dyDescent="0.15">
      <c r="Q118" s="119"/>
    </row>
    <row r="119" spans="17:17" x14ac:dyDescent="0.15">
      <c r="Q119" s="119"/>
    </row>
    <row r="120" spans="17:17" x14ac:dyDescent="0.15">
      <c r="Q120" s="119"/>
    </row>
    <row r="121" spans="17:17" x14ac:dyDescent="0.15">
      <c r="Q121" s="119"/>
    </row>
    <row r="122" spans="17:17" x14ac:dyDescent="0.15">
      <c r="Q122" s="119"/>
    </row>
    <row r="123" spans="17:17" x14ac:dyDescent="0.15">
      <c r="Q123" s="119"/>
    </row>
    <row r="124" spans="17:17" x14ac:dyDescent="0.15">
      <c r="Q124" s="119"/>
    </row>
    <row r="125" spans="17:17" x14ac:dyDescent="0.15">
      <c r="Q125" s="119"/>
    </row>
    <row r="126" spans="17:17" x14ac:dyDescent="0.15">
      <c r="Q126" s="119"/>
    </row>
    <row r="127" spans="17:17" x14ac:dyDescent="0.15">
      <c r="Q127" s="119"/>
    </row>
    <row r="128" spans="17:17" x14ac:dyDescent="0.15">
      <c r="Q128" s="119"/>
    </row>
    <row r="129" spans="17:17" x14ac:dyDescent="0.15">
      <c r="Q129" s="119"/>
    </row>
    <row r="130" spans="17:17" x14ac:dyDescent="0.15">
      <c r="Q130" s="119"/>
    </row>
    <row r="131" spans="17:17" x14ac:dyDescent="0.15">
      <c r="Q131" s="119"/>
    </row>
    <row r="132" spans="17:17" x14ac:dyDescent="0.15">
      <c r="Q132" s="119"/>
    </row>
    <row r="133" spans="17:17" x14ac:dyDescent="0.15">
      <c r="Q133" s="119"/>
    </row>
    <row r="134" spans="17:17" x14ac:dyDescent="0.15">
      <c r="Q134" s="119"/>
    </row>
    <row r="135" spans="17:17" x14ac:dyDescent="0.15">
      <c r="Q135" s="119"/>
    </row>
    <row r="136" spans="17:17" x14ac:dyDescent="0.15">
      <c r="Q136" s="119"/>
    </row>
    <row r="137" spans="17:17" x14ac:dyDescent="0.15">
      <c r="Q137" s="119"/>
    </row>
    <row r="138" spans="17:17" x14ac:dyDescent="0.15">
      <c r="Q138" s="119"/>
    </row>
    <row r="139" spans="17:17" x14ac:dyDescent="0.15">
      <c r="Q139" s="119"/>
    </row>
    <row r="140" spans="17:17" x14ac:dyDescent="0.15">
      <c r="Q140" s="119"/>
    </row>
    <row r="141" spans="17:17" x14ac:dyDescent="0.15">
      <c r="Q141" s="119"/>
    </row>
    <row r="142" spans="17:17" x14ac:dyDescent="0.15">
      <c r="Q142" s="119"/>
    </row>
    <row r="143" spans="17:17" x14ac:dyDescent="0.15">
      <c r="Q143" s="119"/>
    </row>
    <row r="144" spans="17:17" x14ac:dyDescent="0.15">
      <c r="Q144" s="119"/>
    </row>
    <row r="145" spans="17:17" x14ac:dyDescent="0.15">
      <c r="Q145" s="119"/>
    </row>
    <row r="146" spans="17:17" x14ac:dyDescent="0.15">
      <c r="Q146" s="119"/>
    </row>
    <row r="147" spans="17:17" x14ac:dyDescent="0.15">
      <c r="Q147" s="119"/>
    </row>
    <row r="148" spans="17:17" x14ac:dyDescent="0.15">
      <c r="Q148" s="119"/>
    </row>
    <row r="149" spans="17:17" x14ac:dyDescent="0.15">
      <c r="Q149" s="119"/>
    </row>
    <row r="150" spans="17:17" x14ac:dyDescent="0.15">
      <c r="Q150" s="119"/>
    </row>
    <row r="151" spans="17:17" x14ac:dyDescent="0.15">
      <c r="Q151" s="119"/>
    </row>
    <row r="152" spans="17:17" x14ac:dyDescent="0.15">
      <c r="Q152" s="119"/>
    </row>
    <row r="153" spans="17:17" x14ac:dyDescent="0.15">
      <c r="Q153" s="119"/>
    </row>
    <row r="154" spans="17:17" x14ac:dyDescent="0.15">
      <c r="Q154" s="119"/>
    </row>
    <row r="155" spans="17:17" x14ac:dyDescent="0.15">
      <c r="Q155" s="119"/>
    </row>
    <row r="156" spans="17:17" x14ac:dyDescent="0.15">
      <c r="Q156" s="119"/>
    </row>
    <row r="157" spans="17:17" x14ac:dyDescent="0.15">
      <c r="Q157" s="119"/>
    </row>
    <row r="158" spans="17:17" x14ac:dyDescent="0.15">
      <c r="Q158" s="119"/>
    </row>
    <row r="159" spans="17:17" x14ac:dyDescent="0.15">
      <c r="Q159" s="119"/>
    </row>
  </sheetData>
  <mergeCells count="5">
    <mergeCell ref="A3:B5"/>
    <mergeCell ref="C3:C4"/>
    <mergeCell ref="A47:B47"/>
    <mergeCell ref="A48:B48"/>
    <mergeCell ref="A49:B49"/>
  </mergeCells>
  <phoneticPr fontId="3"/>
  <pageMargins left="0.7" right="0.7" top="0.75" bottom="0.75" header="0.3" footer="0.3"/>
  <pageSetup paperSize="9" scale="84" orientation="portrait" blackAndWhite="1" r:id="rId1"/>
  <headerFooter alignWithMargins="0"/>
  <colBreaks count="1" manualBreakCount="1">
    <brk id="15" max="4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年齢階層</vt:lpstr>
      <vt:lpstr>年齢階層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30:22Z</cp:lastPrinted>
  <dcterms:created xsi:type="dcterms:W3CDTF">2018-03-07T06:32:14Z</dcterms:created>
  <dcterms:modified xsi:type="dcterms:W3CDTF">2018-03-08T07:30:58Z</dcterms:modified>
</cp:coreProperties>
</file>